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624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infraerogovbr-my.sharepoint.com/personal/i1306158_infraero_gov_br/Documents/LICITAÇÕES/4. Licitações/SBSP/FRESAGEM E CBUQ PPD 17-35/4. Arquivos publicados/"/>
    </mc:Choice>
  </mc:AlternateContent>
  <xr:revisionPtr revIDLastSave="2" documentId="8_{ACEA9205-A523-45EE-89C8-F04D032AB4BB}" xr6:coauthVersionLast="45" xr6:coauthVersionMax="45" xr10:uidLastSave="{5E41B202-208A-4E2F-A883-118818377352}"/>
  <bookViews>
    <workbookView xWindow="-120" yWindow="-120" windowWidth="38640" windowHeight="15990" xr2:uid="{F44C495F-5345-46B7-BD77-F46047BFCB29}"/>
  </bookViews>
  <sheets>
    <sheet name="Cronograma 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</externalReferences>
  <definedNames>
    <definedName name="_1_i_1">#REF!</definedName>
    <definedName name="_10Excel_BuiltIn_Print_Area_1_1">#REF!</definedName>
    <definedName name="_2_i_1_1_1">#REF!</definedName>
    <definedName name="_3_l_1">#REF!</definedName>
    <definedName name="_4_l_1_1_1">#REF!</definedName>
    <definedName name="_5_s_1">#REF!</definedName>
    <definedName name="_6_s_1_1_1">#REF!</definedName>
    <definedName name="_7_t_1">#REF!</definedName>
    <definedName name="_8_t_1_1_1">#REF!</definedName>
    <definedName name="_9Excel_BuiltIn_Print_Area_1">#REF!</definedName>
    <definedName name="_A1">#REF!</definedName>
    <definedName name="_cab1">#REF!</definedName>
    <definedName name="_COM010201">#REF!</definedName>
    <definedName name="_COM010202">#REF!</definedName>
    <definedName name="_COM010205">#REF!</definedName>
    <definedName name="_COM010206">#REF!</definedName>
    <definedName name="_COM010210">#REF!</definedName>
    <definedName name="_COM010301">#REF!</definedName>
    <definedName name="_COM010401">#REF!</definedName>
    <definedName name="_COM010402">#REF!</definedName>
    <definedName name="_COM010407">#REF!</definedName>
    <definedName name="_COM010413">#REF!</definedName>
    <definedName name="_COM010501">#REF!</definedName>
    <definedName name="_COM010503">#REF!</definedName>
    <definedName name="_COM010505">#REF!</definedName>
    <definedName name="_COM010509">#REF!</definedName>
    <definedName name="_COM010512">#REF!</definedName>
    <definedName name="_COM010518">#REF!</definedName>
    <definedName name="_COM010519">#REF!</definedName>
    <definedName name="_COM010521">#REF!</definedName>
    <definedName name="_COM010523">#REF!</definedName>
    <definedName name="_COM010532">#REF!</definedName>
    <definedName name="_COM010533">#REF!</definedName>
    <definedName name="_COM010536">#REF!</definedName>
    <definedName name="_COM010701">#REF!</definedName>
    <definedName name="_COM010703">#REF!</definedName>
    <definedName name="_COM010705">#REF!</definedName>
    <definedName name="_COM010708">#REF!</definedName>
    <definedName name="_COM010710">#REF!</definedName>
    <definedName name="_COM010712">#REF!</definedName>
    <definedName name="_COM010717">#REF!</definedName>
    <definedName name="_COM010718">#REF!</definedName>
    <definedName name="_COM020201">#REF!</definedName>
    <definedName name="_COM020205">#REF!</definedName>
    <definedName name="_COM020211">#REF!</definedName>
    <definedName name="_COM020217">#REF!</definedName>
    <definedName name="_COM030102">#REF!</definedName>
    <definedName name="_COM030201">#REF!</definedName>
    <definedName name="_COM030303">#REF!</definedName>
    <definedName name="_COM030317">#REF!</definedName>
    <definedName name="_COM040101">#REF!</definedName>
    <definedName name="_COM040202">#REF!</definedName>
    <definedName name="_COM050103">#REF!</definedName>
    <definedName name="_COM050207">#REF!</definedName>
    <definedName name="_COM060101">#REF!</definedName>
    <definedName name="_COM080101">#REF!</definedName>
    <definedName name="_COM080310">#REF!</definedName>
    <definedName name="_COM090101">#REF!</definedName>
    <definedName name="_COM100302">#REF!</definedName>
    <definedName name="_COM110101">#REF!</definedName>
    <definedName name="_COM110104">#REF!</definedName>
    <definedName name="_COM110107">#REF!</definedName>
    <definedName name="_COM120101">#REF!</definedName>
    <definedName name="_COM120105">#REF!</definedName>
    <definedName name="_COM120106">#REF!</definedName>
    <definedName name="_COM120107">#REF!</definedName>
    <definedName name="_COM120110">#REF!</definedName>
    <definedName name="_COM120150">#REF!</definedName>
    <definedName name="_COM130101">#REF!</definedName>
    <definedName name="_COM130103">#REF!</definedName>
    <definedName name="_COM130304">#REF!</definedName>
    <definedName name="_COM130401">#REF!</definedName>
    <definedName name="_COM140102">#REF!</definedName>
    <definedName name="_COM140109">#REF!</definedName>
    <definedName name="_COM140113">#REF!</definedName>
    <definedName name="_COM140122">#REF!</definedName>
    <definedName name="_COM140126">#REF!</definedName>
    <definedName name="_COM140129">#REF!</definedName>
    <definedName name="_COM140135">#REF!</definedName>
    <definedName name="_COM140143">#REF!</definedName>
    <definedName name="_COM140145">#REF!</definedName>
    <definedName name="_COM150130">#REF!</definedName>
    <definedName name="_COM170101">#REF!</definedName>
    <definedName name="_COM170102">#REF!</definedName>
    <definedName name="_COM170103">#REF!</definedName>
    <definedName name="_GLB2">#REF!</definedName>
    <definedName name="_i">#REF!</definedName>
    <definedName name="_i_1">#REF!</definedName>
    <definedName name="_i_1_1">#REF!</definedName>
    <definedName name="_i_22">#REF!</definedName>
    <definedName name="_i_25">#REF!</definedName>
    <definedName name="_i3">#REF!</definedName>
    <definedName name="_l">#REF!</definedName>
    <definedName name="_l_1">#REF!</definedName>
    <definedName name="_l_1_1">#REF!</definedName>
    <definedName name="_l_22">#REF!</definedName>
    <definedName name="_l_25">#REF!</definedName>
    <definedName name="_MAO010201">#REF!</definedName>
    <definedName name="_MAO010202">#REF!</definedName>
    <definedName name="_MAO010205">#REF!</definedName>
    <definedName name="_MAO010206">#REF!</definedName>
    <definedName name="_MAO010210">#REF!</definedName>
    <definedName name="_MAO010401">#REF!</definedName>
    <definedName name="_MAO010402">#REF!</definedName>
    <definedName name="_MAO010407">#REF!</definedName>
    <definedName name="_MAO010413">#REF!</definedName>
    <definedName name="_MAO010501">#REF!</definedName>
    <definedName name="_MAO010503">#REF!</definedName>
    <definedName name="_MAO010505">#REF!</definedName>
    <definedName name="_MAO010509">#REF!</definedName>
    <definedName name="_MAO010512">#REF!</definedName>
    <definedName name="_MAO010518">#REF!</definedName>
    <definedName name="_MAO010519">#REF!</definedName>
    <definedName name="_MAO010521">#REF!</definedName>
    <definedName name="_MAO010523">#REF!</definedName>
    <definedName name="_MAO010532">#REF!</definedName>
    <definedName name="_MAO010533">#REF!</definedName>
    <definedName name="_MAO010536">#REF!</definedName>
    <definedName name="_MAO010701">#REF!</definedName>
    <definedName name="_MAO010703">#REF!</definedName>
    <definedName name="_MAO010705">#REF!</definedName>
    <definedName name="_MAO010708">#REF!</definedName>
    <definedName name="_MAO010710">#REF!</definedName>
    <definedName name="_MAO010712">#REF!</definedName>
    <definedName name="_MAO010717">#REF!</definedName>
    <definedName name="_MAO020201">#REF!</definedName>
    <definedName name="_MAO020205">#REF!</definedName>
    <definedName name="_MAO020211">#REF!</definedName>
    <definedName name="_MAO020217">#REF!</definedName>
    <definedName name="_MAO030102">#REF!</definedName>
    <definedName name="_MAO030201">#REF!</definedName>
    <definedName name="_MAO030303">#REF!</definedName>
    <definedName name="_MAO030317">#REF!</definedName>
    <definedName name="_MAO040101">#REF!</definedName>
    <definedName name="_MAO040202">#REF!</definedName>
    <definedName name="_MAO050103">#REF!</definedName>
    <definedName name="_MAO050207">#REF!</definedName>
    <definedName name="_MAO060101">#REF!</definedName>
    <definedName name="_MAO080310">#REF!</definedName>
    <definedName name="_MAO090101">#REF!</definedName>
    <definedName name="_MAO110101">#REF!</definedName>
    <definedName name="_MAO110104">#REF!</definedName>
    <definedName name="_MAO110107">#REF!</definedName>
    <definedName name="_MAO120101">#REF!</definedName>
    <definedName name="_MAO120105">#REF!</definedName>
    <definedName name="_MAO120106">#REF!</definedName>
    <definedName name="_MAO120107">#REF!</definedName>
    <definedName name="_MAO120110">#REF!</definedName>
    <definedName name="_MAO120150">#REF!</definedName>
    <definedName name="_MAO130101">#REF!</definedName>
    <definedName name="_MAO130103">#REF!</definedName>
    <definedName name="_MAO130304">#REF!</definedName>
    <definedName name="_MAO130401">#REF!</definedName>
    <definedName name="_MAO140102">#REF!</definedName>
    <definedName name="_MAO140109">#REF!</definedName>
    <definedName name="_MAO140113">#REF!</definedName>
    <definedName name="_MAO140122">#REF!</definedName>
    <definedName name="_MAO140126">#REF!</definedName>
    <definedName name="_MAO140129">#REF!</definedName>
    <definedName name="_MAO140135">#REF!</definedName>
    <definedName name="_MAO140143">#REF!</definedName>
    <definedName name="_MAO140145">#REF!</definedName>
    <definedName name="_MAT010301">#REF!</definedName>
    <definedName name="_MAT010401">#REF!</definedName>
    <definedName name="_MAT010402">#REF!</definedName>
    <definedName name="_MAT010407">#REF!</definedName>
    <definedName name="_MAT010413">#REF!</definedName>
    <definedName name="_MAT010536">#REF!</definedName>
    <definedName name="_MAT010703">#REF!</definedName>
    <definedName name="_MAT010708">#REF!</definedName>
    <definedName name="_MAT010710">#REF!</definedName>
    <definedName name="_MAT010718">#REF!</definedName>
    <definedName name="_MAT020201">#REF!</definedName>
    <definedName name="_MAT020205">#REF!</definedName>
    <definedName name="_MAT020211">#REF!</definedName>
    <definedName name="_MAT030102">#REF!</definedName>
    <definedName name="_MAT030201">#REF!</definedName>
    <definedName name="_MAT030303">#REF!</definedName>
    <definedName name="_MAT030317">#REF!</definedName>
    <definedName name="_MAT040101">#REF!</definedName>
    <definedName name="_MAT040202">#REF!</definedName>
    <definedName name="_MAT050103">#REF!</definedName>
    <definedName name="_MAT050207">#REF!</definedName>
    <definedName name="_MAT060101">#REF!</definedName>
    <definedName name="_MAT080101">#REF!</definedName>
    <definedName name="_MAT080310">#REF!</definedName>
    <definedName name="_MAT090101">#REF!</definedName>
    <definedName name="_MAT100302">#REF!</definedName>
    <definedName name="_MAT110101">#REF!</definedName>
    <definedName name="_MAT110104">#REF!</definedName>
    <definedName name="_MAT110107">#REF!</definedName>
    <definedName name="_MAT120101">#REF!</definedName>
    <definedName name="_MAT120105">#REF!</definedName>
    <definedName name="_MAT120106">#REF!</definedName>
    <definedName name="_MAT120107">#REF!</definedName>
    <definedName name="_MAT120110">#REF!</definedName>
    <definedName name="_MAT120150">#REF!</definedName>
    <definedName name="_MAT130101">#REF!</definedName>
    <definedName name="_MAT130103">#REF!</definedName>
    <definedName name="_MAT130304">#REF!</definedName>
    <definedName name="_MAT130401">#REF!</definedName>
    <definedName name="_MAT140102">#REF!</definedName>
    <definedName name="_MAT140109">#REF!</definedName>
    <definedName name="_MAT140113">#REF!</definedName>
    <definedName name="_MAT140122">#REF!</definedName>
    <definedName name="_MAT140126">#REF!</definedName>
    <definedName name="_MAT140129">#REF!</definedName>
    <definedName name="_MAT140135">#REF!</definedName>
    <definedName name="_MAT140143">#REF!</definedName>
    <definedName name="_MAT140145">#REF!</definedName>
    <definedName name="_MAT150130">#REF!</definedName>
    <definedName name="_MAT170101">#REF!</definedName>
    <definedName name="_MAT170102">#REF!</definedName>
    <definedName name="_MAT170103">#REF!</definedName>
    <definedName name="_PRE010201">#REF!</definedName>
    <definedName name="_PRE010202">#REF!</definedName>
    <definedName name="_PRE010205">#REF!</definedName>
    <definedName name="_PRE010206">#REF!</definedName>
    <definedName name="_PRE010210">#REF!</definedName>
    <definedName name="_PRE010301">#REF!</definedName>
    <definedName name="_PRE010401">#REF!</definedName>
    <definedName name="_PRE010402">#REF!</definedName>
    <definedName name="_PRE010407">#REF!</definedName>
    <definedName name="_PRE010413">#REF!</definedName>
    <definedName name="_PRE010501">#REF!</definedName>
    <definedName name="_PRE010503">#REF!</definedName>
    <definedName name="_PRE010505">#REF!</definedName>
    <definedName name="_PRE010509">#REF!</definedName>
    <definedName name="_PRE010512">#REF!</definedName>
    <definedName name="_PRE010518">#REF!</definedName>
    <definedName name="_PRE010519">#REF!</definedName>
    <definedName name="_PRE010521">#REF!</definedName>
    <definedName name="_PRE010523">#REF!</definedName>
    <definedName name="_PRE010532">#REF!</definedName>
    <definedName name="_PRE010533">#REF!</definedName>
    <definedName name="_PRE010536">#REF!</definedName>
    <definedName name="_PRE010701">#REF!</definedName>
    <definedName name="_PRE010703">#REF!</definedName>
    <definedName name="_PRE010705">#REF!</definedName>
    <definedName name="_PRE010708">#REF!</definedName>
    <definedName name="_PRE010710">#REF!</definedName>
    <definedName name="_PRE010712">#REF!</definedName>
    <definedName name="_PRE010717">#REF!</definedName>
    <definedName name="_PRE010718">#REF!</definedName>
    <definedName name="_PRE020201">#REF!</definedName>
    <definedName name="_PRE020205">#REF!</definedName>
    <definedName name="_PRE020211">#REF!</definedName>
    <definedName name="_PRE020217">#REF!</definedName>
    <definedName name="_PRE030102">#REF!</definedName>
    <definedName name="_PRE030201">#REF!</definedName>
    <definedName name="_PRE030303">#REF!</definedName>
    <definedName name="_PRE030317">#REF!</definedName>
    <definedName name="_PRE040101">#REF!</definedName>
    <definedName name="_PRE040202">#REF!</definedName>
    <definedName name="_PRE050103">#REF!</definedName>
    <definedName name="_PRE050207">#REF!</definedName>
    <definedName name="_PRE060101">#REF!</definedName>
    <definedName name="_PRE080101">#REF!</definedName>
    <definedName name="_PRE080310">#REF!</definedName>
    <definedName name="_PRE090101">#REF!</definedName>
    <definedName name="_PRE100302">#REF!</definedName>
    <definedName name="_PRE110101">#REF!</definedName>
    <definedName name="_PRE110104">#REF!</definedName>
    <definedName name="_PRE110107">#REF!</definedName>
    <definedName name="_PRE120101">#REF!</definedName>
    <definedName name="_PRE120105">#REF!</definedName>
    <definedName name="_PRE120106">#REF!</definedName>
    <definedName name="_PRE120107">#REF!</definedName>
    <definedName name="_PRE120110">#REF!</definedName>
    <definedName name="_PRE120150">#REF!</definedName>
    <definedName name="_PRE130101">#REF!</definedName>
    <definedName name="_PRE130103">#REF!</definedName>
    <definedName name="_PRE130304">#REF!</definedName>
    <definedName name="_PRE130401">#REF!</definedName>
    <definedName name="_PRE140102">#REF!</definedName>
    <definedName name="_PRE140109">#REF!</definedName>
    <definedName name="_PRE140113">#REF!</definedName>
    <definedName name="_PRE140122">#REF!</definedName>
    <definedName name="_PRE140126">#REF!</definedName>
    <definedName name="_PRE140129">#REF!</definedName>
    <definedName name="_PRE140135">#REF!</definedName>
    <definedName name="_PRE140143">#REF!</definedName>
    <definedName name="_PRE140145">#REF!</definedName>
    <definedName name="_PRE150130">#REF!</definedName>
    <definedName name="_PRE170101">#REF!</definedName>
    <definedName name="_PRE170102">#REF!</definedName>
    <definedName name="_PRE170103">#REF!</definedName>
    <definedName name="_QUA010201">#REF!</definedName>
    <definedName name="_QUA010202">#REF!</definedName>
    <definedName name="_QUA010205">#REF!</definedName>
    <definedName name="_QUA010206">#REF!</definedName>
    <definedName name="_QUA010210">#REF!</definedName>
    <definedName name="_QUA010301">#REF!</definedName>
    <definedName name="_QUA010401">#REF!</definedName>
    <definedName name="_QUA010402">#REF!</definedName>
    <definedName name="_QUA010407">#REF!</definedName>
    <definedName name="_QUA010413">#REF!</definedName>
    <definedName name="_QUA010501">#REF!</definedName>
    <definedName name="_QUA010503">#REF!</definedName>
    <definedName name="_QUA010505">#REF!</definedName>
    <definedName name="_QUA010509">#REF!</definedName>
    <definedName name="_QUA010512">#REF!</definedName>
    <definedName name="_QUA010518">#REF!</definedName>
    <definedName name="_QUA010519">#REF!</definedName>
    <definedName name="_QUA010521">#REF!</definedName>
    <definedName name="_QUA010523">#REF!</definedName>
    <definedName name="_QUA010532">#REF!</definedName>
    <definedName name="_QUA010533">#REF!</definedName>
    <definedName name="_QUA010536">#REF!</definedName>
    <definedName name="_QUA010701">#REF!</definedName>
    <definedName name="_QUA010703">#REF!</definedName>
    <definedName name="_QUA010705">#REF!</definedName>
    <definedName name="_QUA010708">#REF!</definedName>
    <definedName name="_QUA010710">#REF!</definedName>
    <definedName name="_QUA010712">#REF!</definedName>
    <definedName name="_QUA010717">#REF!</definedName>
    <definedName name="_QUA010718">#REF!</definedName>
    <definedName name="_QUA020201">#REF!</definedName>
    <definedName name="_QUA020205">#REF!</definedName>
    <definedName name="_QUA020211">#REF!</definedName>
    <definedName name="_QUA020217">#REF!</definedName>
    <definedName name="_QUA030102">#REF!</definedName>
    <definedName name="_QUA030201">#REF!</definedName>
    <definedName name="_QUA030303">#REF!</definedName>
    <definedName name="_QUA030317">#REF!</definedName>
    <definedName name="_QUA040101">#REF!</definedName>
    <definedName name="_QUA040202">#REF!</definedName>
    <definedName name="_QUA050103">#REF!</definedName>
    <definedName name="_QUA050207">#REF!</definedName>
    <definedName name="_QUA060101">#REF!</definedName>
    <definedName name="_QUA080101">#REF!</definedName>
    <definedName name="_QUA080310">#REF!</definedName>
    <definedName name="_QUA090101">#REF!</definedName>
    <definedName name="_QUA100302">#REF!</definedName>
    <definedName name="_QUA110101">#REF!</definedName>
    <definedName name="_QUA110104">#REF!</definedName>
    <definedName name="_QUA110107">#REF!</definedName>
    <definedName name="_QUA120101">#REF!</definedName>
    <definedName name="_QUA120105">#REF!</definedName>
    <definedName name="_QUA120106">#REF!</definedName>
    <definedName name="_QUA120107">#REF!</definedName>
    <definedName name="_QUA120110">#REF!</definedName>
    <definedName name="_QUA120150">#REF!</definedName>
    <definedName name="_QUA130101">#REF!</definedName>
    <definedName name="_QUA130103">#REF!</definedName>
    <definedName name="_QUA130304">#REF!</definedName>
    <definedName name="_QUA130401">#REF!</definedName>
    <definedName name="_QUA140102">#REF!</definedName>
    <definedName name="_QUA140109">#REF!</definedName>
    <definedName name="_QUA140113">#REF!</definedName>
    <definedName name="_QUA140122">#REF!</definedName>
    <definedName name="_QUA140126">#REF!</definedName>
    <definedName name="_QUA140129">#REF!</definedName>
    <definedName name="_QUA140135">#REF!</definedName>
    <definedName name="_QUA140143">#REF!</definedName>
    <definedName name="_QUA140145">#REF!</definedName>
    <definedName name="_QUA150130">#REF!</definedName>
    <definedName name="_QUA170101">#REF!</definedName>
    <definedName name="_QUA170102">#REF!</definedName>
    <definedName name="_QUA170103">#REF!</definedName>
    <definedName name="_R">#REF!</definedName>
    <definedName name="_REC11100">#REF!</definedName>
    <definedName name="_REC11110">#REF!</definedName>
    <definedName name="_REC11115">#REF!</definedName>
    <definedName name="_REC11125">#REF!</definedName>
    <definedName name="_REC11130">#REF!</definedName>
    <definedName name="_REC11135">#REF!</definedName>
    <definedName name="_REC11145">#REF!</definedName>
    <definedName name="_REC11150">#REF!</definedName>
    <definedName name="_REC11165">#REF!</definedName>
    <definedName name="_REC11170">#REF!</definedName>
    <definedName name="_REC11180">#REF!</definedName>
    <definedName name="_REC11185">#REF!</definedName>
    <definedName name="_REC11220">#REF!</definedName>
    <definedName name="_REC12105">#REF!</definedName>
    <definedName name="_REC12555">#REF!</definedName>
    <definedName name="_REC12570">#REF!</definedName>
    <definedName name="_REC12575">#REF!</definedName>
    <definedName name="_REC12580">#REF!</definedName>
    <definedName name="_REC12600">#REF!</definedName>
    <definedName name="_REC12610">#REF!</definedName>
    <definedName name="_REC12630">#REF!</definedName>
    <definedName name="_REC12631">#REF!</definedName>
    <definedName name="_REC12640">#REF!</definedName>
    <definedName name="_REC12645">#REF!</definedName>
    <definedName name="_REC12665">#REF!</definedName>
    <definedName name="_REC12690">#REF!</definedName>
    <definedName name="_REC12700">#REF!</definedName>
    <definedName name="_REC12710">#REF!</definedName>
    <definedName name="_REC13111">#REF!</definedName>
    <definedName name="_REC13112">#REF!</definedName>
    <definedName name="_REC13121">#REF!</definedName>
    <definedName name="_REC13720">#REF!</definedName>
    <definedName name="_REC14100">#REF!</definedName>
    <definedName name="_REC14161">#REF!</definedName>
    <definedName name="_REC14195">#REF!</definedName>
    <definedName name="_REC14205">#REF!</definedName>
    <definedName name="_REC14260">#REF!</definedName>
    <definedName name="_REC14500">#REF!</definedName>
    <definedName name="_REC14515">#REF!</definedName>
    <definedName name="_REC14555">#REF!</definedName>
    <definedName name="_REC14565">#REF!</definedName>
    <definedName name="_REC15135">#REF!</definedName>
    <definedName name="_REC15140">#REF!</definedName>
    <definedName name="_REC15195">#REF!</definedName>
    <definedName name="_REC15225">#REF!</definedName>
    <definedName name="_REC15230">#REF!</definedName>
    <definedName name="_REC15515">#REF!</definedName>
    <definedName name="_REC15560">#REF!</definedName>
    <definedName name="_REC15565">#REF!</definedName>
    <definedName name="_REC15570">#REF!</definedName>
    <definedName name="_REC15575">#REF!</definedName>
    <definedName name="_REC15583">#REF!</definedName>
    <definedName name="_REC15590">#REF!</definedName>
    <definedName name="_REC15591">#REF!</definedName>
    <definedName name="_REC15610">#REF!</definedName>
    <definedName name="_REC15625">#REF!</definedName>
    <definedName name="_REC15635">#REF!</definedName>
    <definedName name="_REC15655">#REF!</definedName>
    <definedName name="_REC15665">#REF!</definedName>
    <definedName name="_REC16515">#REF!</definedName>
    <definedName name="_REC16535">#REF!</definedName>
    <definedName name="_REC17140">#REF!</definedName>
    <definedName name="_REC19500">#REF!</definedName>
    <definedName name="_REC19501">#REF!</definedName>
    <definedName name="_REC19502">#REF!</definedName>
    <definedName name="_REC19503">#REF!</definedName>
    <definedName name="_REC19504">#REF!</definedName>
    <definedName name="_REC19505">#REF!</definedName>
    <definedName name="_REC20100">#REF!</definedName>
    <definedName name="_REC20105">#REF!</definedName>
    <definedName name="_REC20110">#REF!</definedName>
    <definedName name="_REC20115">#REF!</definedName>
    <definedName name="_REC20130">#REF!</definedName>
    <definedName name="_REC20135">#REF!</definedName>
    <definedName name="_REC20140">#REF!</definedName>
    <definedName name="_REC20145">#REF!</definedName>
    <definedName name="_REC20150">#REF!</definedName>
    <definedName name="_REC20155">#REF!</definedName>
    <definedName name="_REC20175">#REF!</definedName>
    <definedName name="_REC20185">#REF!</definedName>
    <definedName name="_REC20190">#REF!</definedName>
    <definedName name="_REC20195">#REF!</definedName>
    <definedName name="_REC20210">#REF!</definedName>
    <definedName name="_RET1">[1]Regula!$J$36</definedName>
    <definedName name="_s">#REF!</definedName>
    <definedName name="_s_1">#REF!</definedName>
    <definedName name="_s_1_1">#REF!</definedName>
    <definedName name="_s_22">#REF!</definedName>
    <definedName name="_s_25">#REF!</definedName>
    <definedName name="_svi2">#REF!</definedName>
    <definedName name="_t">#REF!</definedName>
    <definedName name="_t_1">#REF!</definedName>
    <definedName name="_t_1_1">#REF!</definedName>
    <definedName name="_t_22">#REF!</definedName>
    <definedName name="_t_25">#REF!</definedName>
    <definedName name="_TT102">'[2]Relatório_1ª med_'!#REF!</definedName>
    <definedName name="_TT107">'[2]Relatório_1ª med_'!#REF!</definedName>
    <definedName name="_TT121">'[2]Relatório_1ª med_'!#REF!</definedName>
    <definedName name="_TT123">'[2]Relatório_1ª med_'!#REF!</definedName>
    <definedName name="_TT19">'[2]Relatório_1ª med_'!#REF!</definedName>
    <definedName name="_TT20">'[2]Relatório_1ª med_'!#REF!</definedName>
    <definedName name="_TT21">'[2]Relatório_1ª med_'!#REF!</definedName>
    <definedName name="_TT22">'[2]Relatório_1ª med_'!#REF!</definedName>
    <definedName name="_TT26">'[2]Relatório_1ª med_'!#REF!</definedName>
    <definedName name="_TT27">'[2]Relatório_1ª med_'!#REF!</definedName>
    <definedName name="_TT28">'[2]Relatório_1ª med_'!#REF!</definedName>
    <definedName name="_TT30">'[2]Relatório_1ª med_'!#REF!</definedName>
    <definedName name="_TT31">'[2]Relatório_1ª med_'!#REF!</definedName>
    <definedName name="_TT32">'[2]Relatório_1ª med_'!#REF!</definedName>
    <definedName name="_TT33">'[2]Relatório_1ª med_'!#REF!</definedName>
    <definedName name="_TT34">'[2]Relatório_1ª med_'!#REF!</definedName>
    <definedName name="_TT36">'[2]Relatório_1ª med_'!#REF!</definedName>
    <definedName name="_TT37">'[2]Relatório_1ª med_'!#REF!</definedName>
    <definedName name="_TT38">'[2]Relatório_1ª med_'!#REF!</definedName>
    <definedName name="_TT39">'[2]Relatório_1ª med_'!#REF!</definedName>
    <definedName name="_TT40">'[2]Relatório_1ª med_'!#REF!</definedName>
    <definedName name="_TT5">'[2]Relatório_1ª med_'!#REF!</definedName>
    <definedName name="_TT52">'[2]Relatório_1ª med_'!#REF!</definedName>
    <definedName name="_TT53">'[2]Relatório_1ª med_'!#REF!</definedName>
    <definedName name="_TT54">'[2]Relatório_1ª med_'!#REF!</definedName>
    <definedName name="_TT55">'[2]Relatório_1ª med_'!#REF!</definedName>
    <definedName name="_TT6">'[2]Relatório_1ª med_'!#REF!</definedName>
    <definedName name="_TT60">'[2]Relatório_1ª med_'!#REF!</definedName>
    <definedName name="_TT61">'[2]Relatório_1ª med_'!#REF!</definedName>
    <definedName name="_TT69">'[2]Relatório_1ª med_'!#REF!</definedName>
    <definedName name="_TT7">'[2]Relatório_1ª med_'!#REF!</definedName>
    <definedName name="_TT70">'[2]Relatório_1ª med_'!#REF!</definedName>
    <definedName name="_TT71">'[2]Relatório_1ª med_'!#REF!</definedName>
    <definedName name="_TT74">'[2]Relatório_1ª med_'!#REF!</definedName>
    <definedName name="_TT75">'[2]Relatório_1ª med_'!#REF!</definedName>
    <definedName name="_TT76">'[2]Relatório_1ª med_'!#REF!</definedName>
    <definedName name="_TT77">'[2]Relatório_1ª med_'!#REF!</definedName>
    <definedName name="_TT78">'[2]Relatório_1ª med_'!#REF!</definedName>
    <definedName name="_TT79">'[2]Relatório_1ª med_'!#REF!</definedName>
    <definedName name="_TT94">'[2]Relatório_1ª med_'!#REF!</definedName>
    <definedName name="_TT95">'[2]Relatório_1ª med_'!#REF!</definedName>
    <definedName name="_TT97">'[2]Relatório_1ª med_'!#REF!</definedName>
    <definedName name="_UNI11100">#REF!</definedName>
    <definedName name="_UNI11110">#REF!</definedName>
    <definedName name="_UNI11115">#REF!</definedName>
    <definedName name="_UNI11125">#REF!</definedName>
    <definedName name="_UNI11130">#REF!</definedName>
    <definedName name="_UNI11135">#REF!</definedName>
    <definedName name="_UNI11145">#REF!</definedName>
    <definedName name="_UNI11150">#REF!</definedName>
    <definedName name="_UNI11165">#REF!</definedName>
    <definedName name="_UNI11170">#REF!</definedName>
    <definedName name="_UNI11180">#REF!</definedName>
    <definedName name="_UNI11185">#REF!</definedName>
    <definedName name="_UNI11220">#REF!</definedName>
    <definedName name="_UNI12105">#REF!</definedName>
    <definedName name="_UNI12555">#REF!</definedName>
    <definedName name="_UNI12570">#REF!</definedName>
    <definedName name="_UNI12575">#REF!</definedName>
    <definedName name="_UNI12580">#REF!</definedName>
    <definedName name="_UNI12600">#REF!</definedName>
    <definedName name="_UNI12610">#REF!</definedName>
    <definedName name="_UNI12630">#REF!</definedName>
    <definedName name="_UNI12631">#REF!</definedName>
    <definedName name="_UNI12640">#REF!</definedName>
    <definedName name="_UNI12645">#REF!</definedName>
    <definedName name="_UNI12665">#REF!</definedName>
    <definedName name="_UNI12690">#REF!</definedName>
    <definedName name="_UNI12700">#REF!</definedName>
    <definedName name="_UNI12710">#REF!</definedName>
    <definedName name="_UNI13111">#REF!</definedName>
    <definedName name="_UNI13112">#REF!</definedName>
    <definedName name="_UNI13121">#REF!</definedName>
    <definedName name="_UNI13720">#REF!</definedName>
    <definedName name="_UNI14100">#REF!</definedName>
    <definedName name="_UNI14161">#REF!</definedName>
    <definedName name="_UNI14195">#REF!</definedName>
    <definedName name="_UNI14205">#REF!</definedName>
    <definedName name="_UNI14260">#REF!</definedName>
    <definedName name="_UNI14500">#REF!</definedName>
    <definedName name="_UNI14515">#REF!</definedName>
    <definedName name="_UNI14555">#REF!</definedName>
    <definedName name="_UNI14565">#REF!</definedName>
    <definedName name="_UNI15135">#REF!</definedName>
    <definedName name="_UNI15140">#REF!</definedName>
    <definedName name="_UNI15195">#REF!</definedName>
    <definedName name="_UNI15225">#REF!</definedName>
    <definedName name="_UNI15230">#REF!</definedName>
    <definedName name="_UNI15515">#REF!</definedName>
    <definedName name="_UNI15560">#REF!</definedName>
    <definedName name="_UNI15565">#REF!</definedName>
    <definedName name="_UNI15570">#REF!</definedName>
    <definedName name="_UNI15575">#REF!</definedName>
    <definedName name="_UNI15583">#REF!</definedName>
    <definedName name="_UNI15590">#REF!</definedName>
    <definedName name="_UNI15591">#REF!</definedName>
    <definedName name="_UNI15610">#REF!</definedName>
    <definedName name="_UNI15625">#REF!</definedName>
    <definedName name="_UNI15635">#REF!</definedName>
    <definedName name="_UNI15655">#REF!</definedName>
    <definedName name="_UNI15665">#REF!</definedName>
    <definedName name="_UNI16515">#REF!</definedName>
    <definedName name="_UNI16535">#REF!</definedName>
    <definedName name="_UNI17140">#REF!</definedName>
    <definedName name="_UNI19500">#REF!</definedName>
    <definedName name="_UNI19501">#REF!</definedName>
    <definedName name="_UNI19502">#REF!</definedName>
    <definedName name="_UNI19503">#REF!</definedName>
    <definedName name="_UNI19504">#REF!</definedName>
    <definedName name="_UNI19505">#REF!</definedName>
    <definedName name="_UNI20100">#REF!</definedName>
    <definedName name="_UNI20105">#REF!</definedName>
    <definedName name="_UNI20110">#REF!</definedName>
    <definedName name="_UNI20115">#REF!</definedName>
    <definedName name="_UNI20130">#REF!</definedName>
    <definedName name="_UNI20135">#REF!</definedName>
    <definedName name="_UNI20140">#REF!</definedName>
    <definedName name="_UNI20145">#REF!</definedName>
    <definedName name="_UNI20150">#REF!</definedName>
    <definedName name="_UNI20155">#REF!</definedName>
    <definedName name="_UNI20175">#REF!</definedName>
    <definedName name="_UNI20185">#REF!</definedName>
    <definedName name="_UNI20190">#REF!</definedName>
    <definedName name="_UNI20195">#REF!</definedName>
    <definedName name="_UNI20210">#REF!</definedName>
    <definedName name="_VAL11100">#REF!</definedName>
    <definedName name="_VAL11110">#REF!</definedName>
    <definedName name="_VAL11115">#REF!</definedName>
    <definedName name="_VAL11125">#REF!</definedName>
    <definedName name="_VAL11130">#REF!</definedName>
    <definedName name="_VAL11135">#REF!</definedName>
    <definedName name="_VAL11145">#REF!</definedName>
    <definedName name="_VAL11150">#REF!</definedName>
    <definedName name="_VAL11165">#REF!</definedName>
    <definedName name="_VAL11170">#REF!</definedName>
    <definedName name="_VAL11180">#REF!</definedName>
    <definedName name="_VAL11185">#REF!</definedName>
    <definedName name="_VAL11220">#REF!</definedName>
    <definedName name="_VAL12105">#REF!</definedName>
    <definedName name="_VAL12555">#REF!</definedName>
    <definedName name="_VAL12570">#REF!</definedName>
    <definedName name="_VAL12575">#REF!</definedName>
    <definedName name="_VAL12580">#REF!</definedName>
    <definedName name="_VAL12600">#REF!</definedName>
    <definedName name="_VAL12610">#REF!</definedName>
    <definedName name="_VAL12630">#REF!</definedName>
    <definedName name="_VAL12631">#REF!</definedName>
    <definedName name="_VAL12640">#REF!</definedName>
    <definedName name="_VAL12645">#REF!</definedName>
    <definedName name="_VAL12665">#REF!</definedName>
    <definedName name="_VAL12690">#REF!</definedName>
    <definedName name="_VAL12700">#REF!</definedName>
    <definedName name="_VAL12710">#REF!</definedName>
    <definedName name="_VAL13111">#REF!</definedName>
    <definedName name="_VAL13112">#REF!</definedName>
    <definedName name="_VAL13121">#REF!</definedName>
    <definedName name="_VAL13720">#REF!</definedName>
    <definedName name="_VAL14100">#REF!</definedName>
    <definedName name="_VAL14161">#REF!</definedName>
    <definedName name="_VAL14195">#REF!</definedName>
    <definedName name="_VAL14205">#REF!</definedName>
    <definedName name="_VAL14260">#REF!</definedName>
    <definedName name="_VAL14500">#REF!</definedName>
    <definedName name="_VAL14515">#REF!</definedName>
    <definedName name="_VAL14555">#REF!</definedName>
    <definedName name="_VAL14565">#REF!</definedName>
    <definedName name="_VAL15135">#REF!</definedName>
    <definedName name="_VAL15140">#REF!</definedName>
    <definedName name="_VAL15195">#REF!</definedName>
    <definedName name="_VAL15225">#REF!</definedName>
    <definedName name="_VAL15230">#REF!</definedName>
    <definedName name="_VAL15515">#REF!</definedName>
    <definedName name="_VAL15560">#REF!</definedName>
    <definedName name="_VAL15565">#REF!</definedName>
    <definedName name="_VAL15570">#REF!</definedName>
    <definedName name="_VAL15575">#REF!</definedName>
    <definedName name="_VAL15583">#REF!</definedName>
    <definedName name="_VAL15590">#REF!</definedName>
    <definedName name="_VAL15591">#REF!</definedName>
    <definedName name="_VAL15610">#REF!</definedName>
    <definedName name="_VAL15625">#REF!</definedName>
    <definedName name="_VAL15635">#REF!</definedName>
    <definedName name="_VAL15655">#REF!</definedName>
    <definedName name="_VAL15665">#REF!</definedName>
    <definedName name="_VAL16515">#REF!</definedName>
    <definedName name="_VAL16535">#REF!</definedName>
    <definedName name="_VAL17140">#REF!</definedName>
    <definedName name="_VAL19500">#REF!</definedName>
    <definedName name="_VAL19501">#REF!</definedName>
    <definedName name="_VAL19502">#REF!</definedName>
    <definedName name="_VAL19503">#REF!</definedName>
    <definedName name="_VAL19504">#REF!</definedName>
    <definedName name="_VAL19505">#REF!</definedName>
    <definedName name="_VAL20100">#REF!</definedName>
    <definedName name="_VAL20105">#REF!</definedName>
    <definedName name="_VAL20110">#REF!</definedName>
    <definedName name="_VAL20115">#REF!</definedName>
    <definedName name="_VAL20130">#REF!</definedName>
    <definedName name="_VAL20135">#REF!</definedName>
    <definedName name="_VAL20140">#REF!</definedName>
    <definedName name="_VAL20145">#REF!</definedName>
    <definedName name="_VAL20150">#REF!</definedName>
    <definedName name="_VAL20155">#REF!</definedName>
    <definedName name="_VAL20175">#REF!</definedName>
    <definedName name="_VAL20185">#REF!</definedName>
    <definedName name="_VAL20190">#REF!</definedName>
    <definedName name="_VAL20195">#REF!</definedName>
    <definedName name="_VAL20210">#REF!</definedName>
    <definedName name="A">#REF!</definedName>
    <definedName name="A_14">#REF!</definedName>
    <definedName name="A_16">#REF!</definedName>
    <definedName name="A_16_1">#REF!</definedName>
    <definedName name="A_18">#REF!</definedName>
    <definedName name="A_18_1">#REF!</definedName>
    <definedName name="A_19">#REF!</definedName>
    <definedName name="A_21">#REF!</definedName>
    <definedName name="A_22">#REF!</definedName>
    <definedName name="A_8">#REF!</definedName>
    <definedName name="A1_14">#REF!</definedName>
    <definedName name="A1_16">#REF!</definedName>
    <definedName name="A1_16_1">#REF!</definedName>
    <definedName name="A1_18">#REF!</definedName>
    <definedName name="A1_18_1">#REF!</definedName>
    <definedName name="A1_19">#REF!</definedName>
    <definedName name="A1_21">#REF!</definedName>
    <definedName name="A1_22">#REF!</definedName>
    <definedName name="AA">#REF!</definedName>
    <definedName name="AA_14">#REF!</definedName>
    <definedName name="AA_16">#REF!</definedName>
    <definedName name="AA_16_1">#REF!</definedName>
    <definedName name="AA_18">#REF!</definedName>
    <definedName name="AA_18_1">#REF!</definedName>
    <definedName name="AA_19">#REF!</definedName>
    <definedName name="AA_21">#REF!</definedName>
    <definedName name="AA_22">#REF!</definedName>
    <definedName name="AI">#REF!</definedName>
    <definedName name="AI_16">#REF!</definedName>
    <definedName name="AI_18">#REF!</definedName>
    <definedName name="AI_19">#REF!</definedName>
    <definedName name="ANTIGA">#REF!</definedName>
    <definedName name="ANTIGA_14">#REF!</definedName>
    <definedName name="ANTIGA_16">#REF!</definedName>
    <definedName name="ANTIGA_16_1">#REF!</definedName>
    <definedName name="ANTIGA_18">#REF!</definedName>
    <definedName name="ANTIGA_18_1">#REF!</definedName>
    <definedName name="ANTIGA_19">#REF!</definedName>
    <definedName name="ANTIGA_21">#REF!</definedName>
    <definedName name="ANTIGA_22">#REF!</definedName>
    <definedName name="ANTIGA_8">#REF!</definedName>
    <definedName name="area_base">[1]Base!$U$40</definedName>
    <definedName name="area_base_16">[3]Base!$U$40</definedName>
    <definedName name="area_base_18">[3]Base!$U$40</definedName>
    <definedName name="area_base_18_1">[3]Base!$U$40</definedName>
    <definedName name="area_base_19">[3]Base!$U$40</definedName>
    <definedName name="area_base_22">[1]Base!$U$40</definedName>
    <definedName name="_xlnm.Print_Area" localSheetId="0">'Cronograma '!$A$1:$CR$89</definedName>
    <definedName name="Área_impressão_IM">#REF!</definedName>
    <definedName name="Área_impressão_IM_14">#REF!</definedName>
    <definedName name="Área_impressão_IM_16">#REF!</definedName>
    <definedName name="Área_impressão_IM_18">#REF!</definedName>
    <definedName name="Área_impressão_IM_18_1">#REF!</definedName>
    <definedName name="Área_impressão_IM_19">#REF!</definedName>
    <definedName name="Área_impressão_IM_21">#REF!</definedName>
    <definedName name="Área_impressão_IM_22">#REF!</definedName>
    <definedName name="Área_impressão_IM_25">#REF!</definedName>
    <definedName name="aux">#REF!</definedName>
    <definedName name="aux_14">#REF!</definedName>
    <definedName name="aux_16">#REF!</definedName>
    <definedName name="aux_16_1">#REF!</definedName>
    <definedName name="aux_18">#REF!</definedName>
    <definedName name="aux_18_1">#REF!</definedName>
    <definedName name="aux_19">#REF!</definedName>
    <definedName name="aux_21">#REF!</definedName>
    <definedName name="aux_22">#REF!</definedName>
    <definedName name="aux_8">#REF!</definedName>
    <definedName name="auxiliar">#REF!</definedName>
    <definedName name="auxiliar_14">#REF!</definedName>
    <definedName name="auxiliar_16">#REF!</definedName>
    <definedName name="auxiliar_16_1">#REF!</definedName>
    <definedName name="auxiliar_18">#REF!</definedName>
    <definedName name="auxiliar_18_1">#REF!</definedName>
    <definedName name="auxiliar_19">#REF!</definedName>
    <definedName name="auxiliar_21">#REF!</definedName>
    <definedName name="auxiliar_22">#REF!</definedName>
    <definedName name="auxiliar_8">#REF!</definedName>
    <definedName name="B">#REF!</definedName>
    <definedName name="B_14">#REF!</definedName>
    <definedName name="B_16">#REF!</definedName>
    <definedName name="B_16_1">#REF!</definedName>
    <definedName name="B_18">#REF!</definedName>
    <definedName name="B_18_1">#REF!</definedName>
    <definedName name="B_19">#REF!</definedName>
    <definedName name="B_21">#REF!</definedName>
    <definedName name="B_22">#REF!</definedName>
    <definedName name="B_8">#REF!</definedName>
    <definedName name="bdi">#REF!</definedName>
    <definedName name="BDI.">#REF!</definedName>
    <definedName name="BDI._14">#REF!</definedName>
    <definedName name="BDI._16">#REF!</definedName>
    <definedName name="BDI._16_1">#REF!</definedName>
    <definedName name="BDI._18">#REF!</definedName>
    <definedName name="BDI._18_1">#REF!</definedName>
    <definedName name="BDI._19">#REF!</definedName>
    <definedName name="BDI._21">#REF!</definedName>
    <definedName name="BDI._22">#REF!</definedName>
    <definedName name="bdi_14">#REF!</definedName>
    <definedName name="bdi_16">#REF!</definedName>
    <definedName name="bdi_16_1">#REF!</definedName>
    <definedName name="bdi_18">#REF!</definedName>
    <definedName name="bdi_18_1">#REF!</definedName>
    <definedName name="bdi_19">#REF!</definedName>
    <definedName name="bdi_21">#REF!</definedName>
    <definedName name="bdi_22">#REF!</definedName>
    <definedName name="bdi_8">#REF!</definedName>
    <definedName name="Bomba_putzmeister">#REF!</definedName>
    <definedName name="Bomba_putzmeister_14">#REF!</definedName>
    <definedName name="Bomba_putzmeister_16">#REF!</definedName>
    <definedName name="Bomba_putzmeister_16_1">#REF!</definedName>
    <definedName name="Bomba_putzmeister_18">#REF!</definedName>
    <definedName name="Bomba_putzmeister_18_1">#REF!</definedName>
    <definedName name="Bomba_putzmeister_19">#REF!</definedName>
    <definedName name="Bomba_putzmeister_21">#REF!</definedName>
    <definedName name="Bomba_putzmeister_22">#REF!</definedName>
    <definedName name="Bomba_putzmeister_8">#REF!</definedName>
    <definedName name="cab_cortes">#REF!</definedName>
    <definedName name="cab_dmt">#REF!</definedName>
    <definedName name="cab_limpeza">#REF!</definedName>
    <definedName name="cab1_22">#REF!</definedName>
    <definedName name="cabmeio">#REF!</definedName>
    <definedName name="codigo">#REF!</definedName>
    <definedName name="Código">#REF!</definedName>
    <definedName name="Código.">#REF!</definedName>
    <definedName name="Código._14">#REF!</definedName>
    <definedName name="Código._16">#REF!</definedName>
    <definedName name="Código._16_1">#REF!</definedName>
    <definedName name="Código._18">#REF!</definedName>
    <definedName name="Código._18_1">#REF!</definedName>
    <definedName name="Código._19">#REF!</definedName>
    <definedName name="Código._21">#REF!</definedName>
    <definedName name="Código._22">#REF!</definedName>
    <definedName name="codigo_14">#REF!</definedName>
    <definedName name="Código_14">#REF!</definedName>
    <definedName name="codigo_16">#REF!</definedName>
    <definedName name="Código_16">#REF!</definedName>
    <definedName name="Código_16_1">#REF!</definedName>
    <definedName name="codigo_18">#REF!</definedName>
    <definedName name="Código_18">#REF!</definedName>
    <definedName name="codigo_18_1">#REF!</definedName>
    <definedName name="Código_18_1">#REF!</definedName>
    <definedName name="codigo_19">#REF!</definedName>
    <definedName name="Código_19">#REF!</definedName>
    <definedName name="codigo_21">#REF!</definedName>
    <definedName name="Código_21">#REF!</definedName>
    <definedName name="Código_22">#REF!</definedName>
    <definedName name="Código_8">#REF!</definedName>
    <definedName name="COM010201_22">#REF!</definedName>
    <definedName name="COM010201_25">#REF!</definedName>
    <definedName name="COM010201_26">#REF!</definedName>
    <definedName name="COM010202_22">#REF!</definedName>
    <definedName name="COM010202_25">#REF!</definedName>
    <definedName name="COM010202_26">#REF!</definedName>
    <definedName name="COM010205_22">#REF!</definedName>
    <definedName name="COM010205_25">#REF!</definedName>
    <definedName name="COM010205_26">#REF!</definedName>
    <definedName name="COM010206_22">#REF!</definedName>
    <definedName name="COM010206_25">#REF!</definedName>
    <definedName name="COM010206_26">#REF!</definedName>
    <definedName name="COM010210_22">#REF!</definedName>
    <definedName name="COM010210_25">#REF!</definedName>
    <definedName name="COM010210_26">#REF!</definedName>
    <definedName name="COM010301_22">#REF!</definedName>
    <definedName name="COM010301_25">#REF!</definedName>
    <definedName name="COM010301_26">#REF!</definedName>
    <definedName name="COM010401_22">#REF!</definedName>
    <definedName name="COM010401_25">#REF!</definedName>
    <definedName name="COM010401_26">#REF!</definedName>
    <definedName name="COM010402_14">#REF!</definedName>
    <definedName name="COM010402_18">#REF!</definedName>
    <definedName name="COM010402_21">#REF!</definedName>
    <definedName name="COM010402_22">#REF!</definedName>
    <definedName name="COM010402_25">#REF!</definedName>
    <definedName name="COM010402_26">#REF!</definedName>
    <definedName name="COM010407_14">#REF!</definedName>
    <definedName name="COM010407_18">#REF!</definedName>
    <definedName name="COM010407_21">#REF!</definedName>
    <definedName name="COM010407_22">#REF!</definedName>
    <definedName name="COM010407_25">#REF!</definedName>
    <definedName name="COM010407_26">#REF!</definedName>
    <definedName name="COM010413_14">#REF!</definedName>
    <definedName name="COM010413_18">#REF!</definedName>
    <definedName name="COM010413_21">#REF!</definedName>
    <definedName name="COM010413_22">#REF!</definedName>
    <definedName name="COM010413_25">#REF!</definedName>
    <definedName name="COM010413_26">#REF!</definedName>
    <definedName name="COM010501_14">#REF!</definedName>
    <definedName name="COM010501_18">#REF!</definedName>
    <definedName name="COM010501_21">#REF!</definedName>
    <definedName name="COM010501_22">#REF!</definedName>
    <definedName name="COM010501_25">#REF!</definedName>
    <definedName name="COM010501_26">#REF!</definedName>
    <definedName name="COM010503_14">#REF!</definedName>
    <definedName name="COM010503_18">#REF!</definedName>
    <definedName name="COM010503_21">#REF!</definedName>
    <definedName name="COM010503_22">#REF!</definedName>
    <definedName name="COM010503_25">#REF!</definedName>
    <definedName name="COM010503_26">#REF!</definedName>
    <definedName name="COM010505_14">#REF!</definedName>
    <definedName name="COM010505_18">#REF!</definedName>
    <definedName name="COM010505_21">#REF!</definedName>
    <definedName name="COM010505_22">#REF!</definedName>
    <definedName name="COM010505_25">#REF!</definedName>
    <definedName name="COM010505_26">#REF!</definedName>
    <definedName name="COM010509_14">#REF!</definedName>
    <definedName name="COM010509_18">#REF!</definedName>
    <definedName name="COM010509_21">#REF!</definedName>
    <definedName name="COM010509_22">#REF!</definedName>
    <definedName name="COM010509_25">#REF!</definedName>
    <definedName name="COM010509_26">#REF!</definedName>
    <definedName name="COM010512_14">#REF!</definedName>
    <definedName name="COM010512_18">#REF!</definedName>
    <definedName name="COM010512_21">#REF!</definedName>
    <definedName name="COM010512_22">#REF!</definedName>
    <definedName name="COM010512_25">#REF!</definedName>
    <definedName name="COM010512_26">#REF!</definedName>
    <definedName name="COM010518_14">#REF!</definedName>
    <definedName name="COM010518_18">#REF!</definedName>
    <definedName name="COM010518_21">#REF!</definedName>
    <definedName name="COM010518_22">#REF!</definedName>
    <definedName name="COM010518_25">#REF!</definedName>
    <definedName name="COM010518_26">#REF!</definedName>
    <definedName name="COM010519_14">#REF!</definedName>
    <definedName name="COM010519_18">#REF!</definedName>
    <definedName name="COM010519_21">#REF!</definedName>
    <definedName name="COM010519_22">#REF!</definedName>
    <definedName name="COM010519_25">#REF!</definedName>
    <definedName name="COM010519_26">#REF!</definedName>
    <definedName name="COM010521_14">#REF!</definedName>
    <definedName name="COM010521_18">#REF!</definedName>
    <definedName name="COM010521_21">#REF!</definedName>
    <definedName name="COM010521_22">#REF!</definedName>
    <definedName name="COM010521_25">#REF!</definedName>
    <definedName name="COM010521_26">#REF!</definedName>
    <definedName name="COM010523_14">#REF!</definedName>
    <definedName name="COM010523_18">#REF!</definedName>
    <definedName name="COM010523_21">#REF!</definedName>
    <definedName name="COM010523_22">#REF!</definedName>
    <definedName name="COM010523_25">#REF!</definedName>
    <definedName name="COM010523_26">#REF!</definedName>
    <definedName name="COM010532_14">#REF!</definedName>
    <definedName name="COM010532_18">#REF!</definedName>
    <definedName name="COM010532_21">#REF!</definedName>
    <definedName name="COM010532_22">#REF!</definedName>
    <definedName name="COM010532_25">#REF!</definedName>
    <definedName name="COM010532_26">#REF!</definedName>
    <definedName name="COM010533_14">#REF!</definedName>
    <definedName name="COM010533_18">#REF!</definedName>
    <definedName name="COM010533_21">#REF!</definedName>
    <definedName name="COM010533_22">#REF!</definedName>
    <definedName name="COM010533_25">#REF!</definedName>
    <definedName name="COM010533_26">#REF!</definedName>
    <definedName name="COM010536_14">#REF!</definedName>
    <definedName name="COM010536_18">#REF!</definedName>
    <definedName name="COM010536_21">#REF!</definedName>
    <definedName name="COM010536_22">#REF!</definedName>
    <definedName name="COM010536_25">#REF!</definedName>
    <definedName name="COM010536_26">#REF!</definedName>
    <definedName name="COM010701_14">#REF!</definedName>
    <definedName name="COM010701_18">#REF!</definedName>
    <definedName name="COM010701_21">#REF!</definedName>
    <definedName name="COM010701_22">#REF!</definedName>
    <definedName name="COM010701_25">#REF!</definedName>
    <definedName name="COM010701_26">#REF!</definedName>
    <definedName name="COM010703_14">#REF!</definedName>
    <definedName name="COM010703_18">#REF!</definedName>
    <definedName name="COM010703_21">#REF!</definedName>
    <definedName name="COM010703_22">#REF!</definedName>
    <definedName name="COM010703_25">#REF!</definedName>
    <definedName name="COM010703_26">#REF!</definedName>
    <definedName name="COM010705_14">#REF!</definedName>
    <definedName name="COM010705_18">#REF!</definedName>
    <definedName name="COM010705_21">#REF!</definedName>
    <definedName name="COM010705_22">#REF!</definedName>
    <definedName name="COM010705_25">#REF!</definedName>
    <definedName name="COM010705_26">#REF!</definedName>
    <definedName name="COM010708_14">#REF!</definedName>
    <definedName name="COM010708_18">#REF!</definedName>
    <definedName name="COM010708_21">#REF!</definedName>
    <definedName name="COM010708_22">#REF!</definedName>
    <definedName name="COM010708_25">#REF!</definedName>
    <definedName name="COM010708_26">#REF!</definedName>
    <definedName name="COM010710_14">#REF!</definedName>
    <definedName name="COM010710_18">#REF!</definedName>
    <definedName name="COM010710_21">#REF!</definedName>
    <definedName name="COM010710_22">#REF!</definedName>
    <definedName name="COM010710_25">#REF!</definedName>
    <definedName name="COM010710_26">#REF!</definedName>
    <definedName name="COM010712_14">#REF!</definedName>
    <definedName name="COM010712_18">#REF!</definedName>
    <definedName name="COM010712_21">#REF!</definedName>
    <definedName name="COM010712_22">#REF!</definedName>
    <definedName name="COM010712_25">#REF!</definedName>
    <definedName name="COM010712_26">#REF!</definedName>
    <definedName name="COM010717_14">#REF!</definedName>
    <definedName name="COM010717_18">#REF!</definedName>
    <definedName name="COM010717_21">#REF!</definedName>
    <definedName name="COM010717_22">#REF!</definedName>
    <definedName name="COM010717_25">#REF!</definedName>
    <definedName name="COM010717_26">#REF!</definedName>
    <definedName name="COM010718_14">#REF!</definedName>
    <definedName name="COM010718_18">#REF!</definedName>
    <definedName name="COM010718_21">#REF!</definedName>
    <definedName name="COM010718_22">#REF!</definedName>
    <definedName name="COM010718_25">#REF!</definedName>
    <definedName name="COM010718_26">#REF!</definedName>
    <definedName name="COM020201_14">#REF!</definedName>
    <definedName name="COM020201_18">#REF!</definedName>
    <definedName name="COM020201_21">#REF!</definedName>
    <definedName name="COM020201_22">#REF!</definedName>
    <definedName name="COM020201_25">#REF!</definedName>
    <definedName name="COM020201_26">#REF!</definedName>
    <definedName name="COM020205_14">#REF!</definedName>
    <definedName name="COM020205_18">#REF!</definedName>
    <definedName name="COM020205_21">#REF!</definedName>
    <definedName name="COM020205_22">#REF!</definedName>
    <definedName name="COM020205_25">#REF!</definedName>
    <definedName name="COM020205_26">#REF!</definedName>
    <definedName name="COM020211_14">#REF!</definedName>
    <definedName name="COM020211_18">#REF!</definedName>
    <definedName name="COM020211_21">#REF!</definedName>
    <definedName name="COM020211_22">#REF!</definedName>
    <definedName name="COM020211_25">#REF!</definedName>
    <definedName name="COM020211_26">#REF!</definedName>
    <definedName name="COM020217_14">#REF!</definedName>
    <definedName name="COM020217_18">#REF!</definedName>
    <definedName name="COM020217_21">#REF!</definedName>
    <definedName name="COM020217_22">#REF!</definedName>
    <definedName name="COM020217_25">#REF!</definedName>
    <definedName name="COM020217_26">#REF!</definedName>
    <definedName name="COM030102_14">#REF!</definedName>
    <definedName name="COM030102_18">#REF!</definedName>
    <definedName name="COM030102_21">#REF!</definedName>
    <definedName name="COM030102_22">#REF!</definedName>
    <definedName name="COM030102_25">#REF!</definedName>
    <definedName name="COM030102_26">#REF!</definedName>
    <definedName name="COM030201_14">#REF!</definedName>
    <definedName name="COM030201_18">#REF!</definedName>
    <definedName name="COM030201_21">#REF!</definedName>
    <definedName name="COM030201_22">#REF!</definedName>
    <definedName name="COM030201_25">#REF!</definedName>
    <definedName name="COM030201_26">#REF!</definedName>
    <definedName name="COM030303_14">#REF!</definedName>
    <definedName name="COM030303_18">#REF!</definedName>
    <definedName name="COM030303_21">#REF!</definedName>
    <definedName name="COM030303_22">#REF!</definedName>
    <definedName name="COM030303_25">#REF!</definedName>
    <definedName name="COM030303_26">#REF!</definedName>
    <definedName name="COM030317_14">#REF!</definedName>
    <definedName name="COM030317_18">#REF!</definedName>
    <definedName name="COM030317_21">#REF!</definedName>
    <definedName name="COM030317_22">#REF!</definedName>
    <definedName name="COM030317_25">#REF!</definedName>
    <definedName name="COM030317_26">#REF!</definedName>
    <definedName name="COM040101_14">#REF!</definedName>
    <definedName name="COM040101_18">#REF!</definedName>
    <definedName name="COM040101_21">#REF!</definedName>
    <definedName name="COM040101_22">#REF!</definedName>
    <definedName name="COM040101_25">#REF!</definedName>
    <definedName name="COM040101_26">#REF!</definedName>
    <definedName name="COM040202_14">#REF!</definedName>
    <definedName name="COM040202_18">#REF!</definedName>
    <definedName name="COM040202_21">#REF!</definedName>
    <definedName name="COM040202_22">#REF!</definedName>
    <definedName name="COM040202_25">#REF!</definedName>
    <definedName name="COM040202_26">#REF!</definedName>
    <definedName name="COM050103_14">#REF!</definedName>
    <definedName name="COM050103_18">#REF!</definedName>
    <definedName name="COM050103_21">#REF!</definedName>
    <definedName name="COM050103_22">#REF!</definedName>
    <definedName name="COM050103_25">#REF!</definedName>
    <definedName name="COM050103_26">#REF!</definedName>
    <definedName name="COM050207_14">#REF!</definedName>
    <definedName name="COM050207_18">#REF!</definedName>
    <definedName name="COM050207_21">#REF!</definedName>
    <definedName name="COM050207_22">#REF!</definedName>
    <definedName name="COM050207_25">#REF!</definedName>
    <definedName name="COM050207_26">#REF!</definedName>
    <definedName name="COM060101_14">#REF!</definedName>
    <definedName name="COM060101_18">#REF!</definedName>
    <definedName name="COM060101_21">#REF!</definedName>
    <definedName name="COM060101_22">#REF!</definedName>
    <definedName name="COM060101_25">#REF!</definedName>
    <definedName name="COM060101_26">#REF!</definedName>
    <definedName name="COM080101_14">#REF!</definedName>
    <definedName name="COM080101_18">#REF!</definedName>
    <definedName name="COM080101_21">#REF!</definedName>
    <definedName name="COM080101_22">#REF!</definedName>
    <definedName name="COM080101_25">#REF!</definedName>
    <definedName name="COM080101_26">#REF!</definedName>
    <definedName name="COM080310_14">#REF!</definedName>
    <definedName name="COM080310_18">#REF!</definedName>
    <definedName name="COM080310_21">#REF!</definedName>
    <definedName name="COM080310_22">#REF!</definedName>
    <definedName name="COM080310_25">#REF!</definedName>
    <definedName name="COM080310_26">#REF!</definedName>
    <definedName name="COM090101_14">#REF!</definedName>
    <definedName name="COM090101_18">#REF!</definedName>
    <definedName name="COM090101_21">#REF!</definedName>
    <definedName name="COM090101_22">#REF!</definedName>
    <definedName name="COM090101_25">#REF!</definedName>
    <definedName name="COM090101_26">#REF!</definedName>
    <definedName name="COM100302_14">#REF!</definedName>
    <definedName name="COM100302_18">#REF!</definedName>
    <definedName name="COM100302_21">#REF!</definedName>
    <definedName name="COM100302_22">#REF!</definedName>
    <definedName name="COM100302_25">#REF!</definedName>
    <definedName name="COM100302_26">#REF!</definedName>
    <definedName name="COM110101_14">#REF!</definedName>
    <definedName name="COM110101_18">#REF!</definedName>
    <definedName name="COM110101_21">#REF!</definedName>
    <definedName name="COM110101_22">#REF!</definedName>
    <definedName name="COM110101_25">#REF!</definedName>
    <definedName name="COM110101_26">#REF!</definedName>
    <definedName name="COM110104_14">#REF!</definedName>
    <definedName name="COM110104_18">#REF!</definedName>
    <definedName name="COM110104_21">#REF!</definedName>
    <definedName name="COM110104_22">#REF!</definedName>
    <definedName name="COM110104_25">#REF!</definedName>
    <definedName name="COM110104_26">#REF!</definedName>
    <definedName name="COM110107_14">#REF!</definedName>
    <definedName name="COM110107_18">#REF!</definedName>
    <definedName name="COM110107_21">#REF!</definedName>
    <definedName name="COM110107_22">#REF!</definedName>
    <definedName name="COM110107_25">#REF!</definedName>
    <definedName name="COM110107_26">#REF!</definedName>
    <definedName name="COM120101_14">#REF!</definedName>
    <definedName name="COM120101_18">#REF!</definedName>
    <definedName name="COM120101_21">#REF!</definedName>
    <definedName name="COM120101_22">#REF!</definedName>
    <definedName name="COM120101_25">#REF!</definedName>
    <definedName name="COM120101_26">#REF!</definedName>
    <definedName name="COM120105_14">#REF!</definedName>
    <definedName name="COM120105_18">#REF!</definedName>
    <definedName name="COM120105_21">#REF!</definedName>
    <definedName name="COM120105_22">#REF!</definedName>
    <definedName name="COM120105_25">#REF!</definedName>
    <definedName name="COM120105_26">#REF!</definedName>
    <definedName name="COM120106_14">#REF!</definedName>
    <definedName name="COM120106_18">#REF!</definedName>
    <definedName name="COM120106_21">#REF!</definedName>
    <definedName name="COM120106_22">#REF!</definedName>
    <definedName name="COM120106_25">#REF!</definedName>
    <definedName name="COM120106_26">#REF!</definedName>
    <definedName name="COM120107_14">#REF!</definedName>
    <definedName name="COM120107_18">#REF!</definedName>
    <definedName name="COM120107_21">#REF!</definedName>
    <definedName name="COM120107_22">#REF!</definedName>
    <definedName name="COM120107_25">#REF!</definedName>
    <definedName name="COM120107_26">#REF!</definedName>
    <definedName name="COM120110_14">#REF!</definedName>
    <definedName name="COM120110_18">#REF!</definedName>
    <definedName name="COM120110_21">#REF!</definedName>
    <definedName name="COM120110_22">#REF!</definedName>
    <definedName name="COM120110_25">#REF!</definedName>
    <definedName name="COM120110_26">#REF!</definedName>
    <definedName name="COM120150_14">#REF!</definedName>
    <definedName name="COM120150_18">#REF!</definedName>
    <definedName name="COM120150_21">#REF!</definedName>
    <definedName name="COM120150_22">#REF!</definedName>
    <definedName name="COM120150_25">#REF!</definedName>
    <definedName name="COM120150_26">#REF!</definedName>
    <definedName name="COM130101_14">#REF!</definedName>
    <definedName name="COM130101_18">#REF!</definedName>
    <definedName name="COM130101_21">#REF!</definedName>
    <definedName name="COM130101_22">#REF!</definedName>
    <definedName name="COM130101_25">#REF!</definedName>
    <definedName name="COM130101_26">#REF!</definedName>
    <definedName name="COM130103_14">#REF!</definedName>
    <definedName name="COM130103_18">#REF!</definedName>
    <definedName name="COM130103_21">#REF!</definedName>
    <definedName name="COM130103_22">#REF!</definedName>
    <definedName name="COM130103_25">#REF!</definedName>
    <definedName name="COM130103_26">#REF!</definedName>
    <definedName name="COM130304_14">#REF!</definedName>
    <definedName name="COM130304_18">#REF!</definedName>
    <definedName name="COM130304_21">#REF!</definedName>
    <definedName name="COM130304_22">#REF!</definedName>
    <definedName name="COM130304_25">#REF!</definedName>
    <definedName name="COM130304_26">#REF!</definedName>
    <definedName name="COM130401_14">#REF!</definedName>
    <definedName name="COM130401_18">#REF!</definedName>
    <definedName name="COM130401_21">#REF!</definedName>
    <definedName name="COM130401_22">#REF!</definedName>
    <definedName name="COM130401_25">#REF!</definedName>
    <definedName name="COM130401_26">#REF!</definedName>
    <definedName name="COM140102_14">#REF!</definedName>
    <definedName name="COM140102_18">#REF!</definedName>
    <definedName name="COM140102_21">#REF!</definedName>
    <definedName name="COM140102_22">#REF!</definedName>
    <definedName name="COM140102_25">#REF!</definedName>
    <definedName name="COM140102_26">#REF!</definedName>
    <definedName name="COM140109_14">#REF!</definedName>
    <definedName name="COM140109_18">#REF!</definedName>
    <definedName name="COM140109_21">#REF!</definedName>
    <definedName name="COM140109_22">#REF!</definedName>
    <definedName name="COM140109_25">#REF!</definedName>
    <definedName name="COM140109_26">#REF!</definedName>
    <definedName name="COM140113_14">#REF!</definedName>
    <definedName name="COM140113_18">#REF!</definedName>
    <definedName name="COM140113_21">#REF!</definedName>
    <definedName name="COM140113_22">#REF!</definedName>
    <definedName name="COM140113_25">#REF!</definedName>
    <definedName name="COM140113_26">#REF!</definedName>
    <definedName name="COM140122_14">#REF!</definedName>
    <definedName name="COM140122_18">#REF!</definedName>
    <definedName name="COM140122_21">#REF!</definedName>
    <definedName name="COM140122_22">#REF!</definedName>
    <definedName name="COM140122_25">#REF!</definedName>
    <definedName name="COM140122_26">#REF!</definedName>
    <definedName name="COM140126_14">#REF!</definedName>
    <definedName name="COM140126_18">#REF!</definedName>
    <definedName name="COM140126_21">#REF!</definedName>
    <definedName name="COM140126_22">#REF!</definedName>
    <definedName name="COM140126_25">#REF!</definedName>
    <definedName name="COM140126_26">#REF!</definedName>
    <definedName name="COM140129_14">#REF!</definedName>
    <definedName name="COM140129_18">#REF!</definedName>
    <definedName name="COM140129_21">#REF!</definedName>
    <definedName name="COM140129_22">#REF!</definedName>
    <definedName name="COM140129_25">#REF!</definedName>
    <definedName name="COM140129_26">#REF!</definedName>
    <definedName name="COM140135_14">#REF!</definedName>
    <definedName name="COM140135_18">#REF!</definedName>
    <definedName name="COM140135_21">#REF!</definedName>
    <definedName name="COM140135_22">#REF!</definedName>
    <definedName name="COM140135_25">#REF!</definedName>
    <definedName name="COM140135_26">#REF!</definedName>
    <definedName name="COM140143_14">#REF!</definedName>
    <definedName name="COM140143_18">#REF!</definedName>
    <definedName name="COM140143_21">#REF!</definedName>
    <definedName name="COM140143_22">#REF!</definedName>
    <definedName name="COM140143_25">#REF!</definedName>
    <definedName name="COM140143_26">#REF!</definedName>
    <definedName name="COM140145_14">#REF!</definedName>
    <definedName name="COM140145_18">#REF!</definedName>
    <definedName name="COM140145_21">#REF!</definedName>
    <definedName name="COM140145_22">#REF!</definedName>
    <definedName name="COM140145_25">#REF!</definedName>
    <definedName name="COM140145_26">#REF!</definedName>
    <definedName name="COM150130_14">#REF!</definedName>
    <definedName name="COM150130_18">#REF!</definedName>
    <definedName name="COM150130_21">#REF!</definedName>
    <definedName name="COM150130_22">#REF!</definedName>
    <definedName name="COM150130_25">#REF!</definedName>
    <definedName name="COM150130_26">#REF!</definedName>
    <definedName name="COM170101_14">#REF!</definedName>
    <definedName name="COM170101_18">#REF!</definedName>
    <definedName name="COM170101_21">#REF!</definedName>
    <definedName name="COM170101_22">#REF!</definedName>
    <definedName name="COM170101_25">#REF!</definedName>
    <definedName name="COM170101_26">#REF!</definedName>
    <definedName name="COM170102_14">#REF!</definedName>
    <definedName name="COM170102_18">#REF!</definedName>
    <definedName name="COM170102_21">#REF!</definedName>
    <definedName name="COM170102_22">#REF!</definedName>
    <definedName name="COM170102_25">#REF!</definedName>
    <definedName name="COM170102_26">#REF!</definedName>
    <definedName name="COM170103_14">#REF!</definedName>
    <definedName name="COM170103_18">#REF!</definedName>
    <definedName name="COM170103_21">#REF!</definedName>
    <definedName name="COM170103_22">#REF!</definedName>
    <definedName name="COM170103_25">#REF!</definedName>
    <definedName name="COM170103_26">#REF!</definedName>
    <definedName name="corte">#REF!</definedName>
    <definedName name="corte_14">#REF!</definedName>
    <definedName name="corte_16">#REF!</definedName>
    <definedName name="corte_16_1">#REF!</definedName>
    <definedName name="corte_18">#REF!</definedName>
    <definedName name="corte_18_1">#REF!</definedName>
    <definedName name="corte_19">#REF!</definedName>
    <definedName name="corte_21">#REF!</definedName>
    <definedName name="corte_22">#REF!</definedName>
    <definedName name="corte_8">#REF!</definedName>
    <definedName name="data">#REF!</definedName>
    <definedName name="datasource">#REF!</definedName>
    <definedName name="datasource_22">#REF!</definedName>
    <definedName name="datasource_25">#REF!</definedName>
    <definedName name="datasource_26">#REF!</definedName>
    <definedName name="densidade_cap">#REF!</definedName>
    <definedName name="DES">#REF!</definedName>
    <definedName name="DES_22">#REF!</definedName>
    <definedName name="DES_25">#REF!</definedName>
    <definedName name="DES_26">#REF!</definedName>
    <definedName name="DMT_0_50">#REF!</definedName>
    <definedName name="DMT_0_50_18">#REF!</definedName>
    <definedName name="DMT_0_50_22">#REF!</definedName>
    <definedName name="DMT_1000">#REF!</definedName>
    <definedName name="DMT_1000_18">#REF!</definedName>
    <definedName name="DMT_1000_22">#REF!</definedName>
    <definedName name="DMT_200">#REF!</definedName>
    <definedName name="DMT_200_400">#REF!</definedName>
    <definedName name="DMT_200_400_18">#REF!</definedName>
    <definedName name="DMT_200_400_22">#REF!</definedName>
    <definedName name="DMT_400">#REF!</definedName>
    <definedName name="DMT_400_18">#REF!</definedName>
    <definedName name="DMT_400_22">#REF!</definedName>
    <definedName name="DMT_400_600">#REF!</definedName>
    <definedName name="DMT_50">#REF!</definedName>
    <definedName name="DMT_50_200">#REF!</definedName>
    <definedName name="DMT_50_200_18">#REF!</definedName>
    <definedName name="DMT_50_200_22">#REF!</definedName>
    <definedName name="DMT_600">#REF!</definedName>
    <definedName name="DMT_600_18">#REF!</definedName>
    <definedName name="DMT_600_22">#REF!</definedName>
    <definedName name="DMT_800">#REF!</definedName>
    <definedName name="DMT_800_18">#REF!</definedName>
    <definedName name="DMT_800_22">#REF!</definedName>
    <definedName name="drena">#REF!</definedName>
    <definedName name="drena_18">#REF!</definedName>
    <definedName name="drena_22">#REF!</definedName>
    <definedName name="Empolamento">#REF!</definedName>
    <definedName name="Empolamento_22">#REF!</definedName>
    <definedName name="eprd_cod">#REF!</definedName>
    <definedName name="eprd_cod_14">#REF!</definedName>
    <definedName name="eprd_cod_16">#REF!</definedName>
    <definedName name="eprd_cod_18">#REF!</definedName>
    <definedName name="eprd_cod_18_1">#REF!</definedName>
    <definedName name="eprd_cod_19">#REF!</definedName>
    <definedName name="eprd_cod_21">#REF!</definedName>
    <definedName name="eprd_cod_22">#REF!</definedName>
    <definedName name="eprd_cod_25">#REF!</definedName>
    <definedName name="eprd_cod_26">#REF!</definedName>
    <definedName name="EPVT">#REF!</definedName>
    <definedName name="EPVT_14">#REF!</definedName>
    <definedName name="EPVT_16">#REF!</definedName>
    <definedName name="EPVT_16_1">#REF!</definedName>
    <definedName name="EPVT_18">#REF!</definedName>
    <definedName name="EPVT_18_1">#REF!</definedName>
    <definedName name="EPVT_19">#REF!</definedName>
    <definedName name="EPVT_21">#REF!</definedName>
    <definedName name="EPVT_22">#REF!</definedName>
    <definedName name="EPVT_8">#REF!</definedName>
    <definedName name="EQPTO">#REF!</definedName>
    <definedName name="EQPTO_14">#REF!</definedName>
    <definedName name="EQPTO_16">#REF!</definedName>
    <definedName name="EQPTO_16_1">#REF!</definedName>
    <definedName name="EQPTO_18">#REF!</definedName>
    <definedName name="EQPTO_18_1">#REF!</definedName>
    <definedName name="EQPTO_19">#REF!</definedName>
    <definedName name="EQPTO_21">#REF!</definedName>
    <definedName name="EQPTO_22">#REF!</definedName>
    <definedName name="EQPTO_8">#REF!</definedName>
    <definedName name="est">#REF!</definedName>
    <definedName name="est_14">#REF!</definedName>
    <definedName name="est_16">#REF!</definedName>
    <definedName name="est_16_1">#REF!</definedName>
    <definedName name="est_18">#REF!</definedName>
    <definedName name="est_18_1">#REF!</definedName>
    <definedName name="est_19">#REF!</definedName>
    <definedName name="est_21">#REF!</definedName>
    <definedName name="est_22">#REF!</definedName>
    <definedName name="est_8">#REF!</definedName>
    <definedName name="Excel_BuiltIn_Print_Area">#REF!</definedName>
    <definedName name="Excel_BuiltIn_Print_Area_1">#REF!</definedName>
    <definedName name="Excel_BuiltIn_Print_Area_1_2">#REF!</definedName>
    <definedName name="Excel_BuiltIn_Print_Area_13_1">#REF!</definedName>
    <definedName name="Excel_BuiltIn_Print_Area_14_1">#REF!</definedName>
    <definedName name="FINAL">#REF!</definedName>
    <definedName name="FINAL_14">#REF!</definedName>
    <definedName name="FINAL_16">#REF!</definedName>
    <definedName name="FINAL_16_1">#REF!</definedName>
    <definedName name="FINAL_18">#REF!</definedName>
    <definedName name="FINAL_18_1">#REF!</definedName>
    <definedName name="FINAL_19">#REF!</definedName>
    <definedName name="FINAL_21">#REF!</definedName>
    <definedName name="FINAL_22">#REF!</definedName>
    <definedName name="FINAL_8">#REF!</definedName>
    <definedName name="fresa">#REF!</definedName>
    <definedName name="gg">#REF!</definedName>
    <definedName name="gg_14">#REF!</definedName>
    <definedName name="gg_16">#REF!</definedName>
    <definedName name="gg_16_1">#REF!</definedName>
    <definedName name="gg_18">#REF!</definedName>
    <definedName name="gg_18_1">#REF!</definedName>
    <definedName name="gg_19">#REF!</definedName>
    <definedName name="gg_21">#REF!</definedName>
    <definedName name="gg_22">#REF!</definedName>
    <definedName name="gipl_cod">#REF!</definedName>
    <definedName name="gipl_cod_22">#REF!</definedName>
    <definedName name="gipl_cod_25">#REF!</definedName>
    <definedName name="gipl_cod_26">#REF!</definedName>
    <definedName name="GLB2_14">#REF!</definedName>
    <definedName name="GLB2_16">#REF!</definedName>
    <definedName name="GLB2_16_1">#REF!</definedName>
    <definedName name="GLB2_18">#REF!</definedName>
    <definedName name="GLB2_18_1">#REF!</definedName>
    <definedName name="GLB2_19">#REF!</definedName>
    <definedName name="GLB2_21">#REF!</definedName>
    <definedName name="GLB2_22">#REF!</definedName>
    <definedName name="GLB2_8">#REF!</definedName>
    <definedName name="grt">#REF!</definedName>
    <definedName name="grt_14">#REF!</definedName>
    <definedName name="grt_16">#REF!</definedName>
    <definedName name="grt_16_1">#REF!</definedName>
    <definedName name="grt_18">#REF!</definedName>
    <definedName name="grt_18_1">#REF!</definedName>
    <definedName name="grt_19">#REF!</definedName>
    <definedName name="grt_21">#REF!</definedName>
    <definedName name="grt_22">#REF!</definedName>
    <definedName name="grt_8">#REF!</definedName>
    <definedName name="i3_14">#REF!</definedName>
    <definedName name="i3_16">#REF!</definedName>
    <definedName name="i3_16_1">#REF!</definedName>
    <definedName name="i3_18">#REF!</definedName>
    <definedName name="i3_18_1">#REF!</definedName>
    <definedName name="i3_19">#REF!</definedName>
    <definedName name="i3_21">#REF!</definedName>
    <definedName name="i3_22">#REF!</definedName>
    <definedName name="i3_25">#REF!</definedName>
    <definedName name="i3_26">#REF!</definedName>
    <definedName name="i3_8">#REF!</definedName>
    <definedName name="inf">'[4]Orçamento Global'!$D$38</definedName>
    <definedName name="insumos">#REF!</definedName>
    <definedName name="insumos_14">#REF!</definedName>
    <definedName name="insumos_16">#REF!</definedName>
    <definedName name="insumos_16_1">#REF!</definedName>
    <definedName name="insumos_18">#REF!</definedName>
    <definedName name="insumos_18_1">#REF!</definedName>
    <definedName name="insumos_19">#REF!</definedName>
    <definedName name="insumos_21">#REF!</definedName>
    <definedName name="insumos_22">#REF!</definedName>
    <definedName name="insumos_8">#REF!</definedName>
    <definedName name="ITEM">#REF!</definedName>
    <definedName name="ITEM_14">#REF!</definedName>
    <definedName name="ITEM_16">#REF!</definedName>
    <definedName name="ITEM_16_1">#REF!</definedName>
    <definedName name="ITEM_18">#REF!</definedName>
    <definedName name="ITEM_18_1">#REF!</definedName>
    <definedName name="ITEM_19">#REF!</definedName>
    <definedName name="ITEM_21">#REF!</definedName>
    <definedName name="ITEM_22">#REF!</definedName>
    <definedName name="ITEM_8">#REF!</definedName>
    <definedName name="item1">[5]Plan1!$J$13</definedName>
    <definedName name="item1_14">[6]Plan1!$J$13</definedName>
    <definedName name="item1_16">[7]Plan1!$J$13</definedName>
    <definedName name="item1_16_1">[7]Plan1!$J$13</definedName>
    <definedName name="item1_18">[8]Plan1!$J$13</definedName>
    <definedName name="item1_18_1">[7]Plan1!$J$13</definedName>
    <definedName name="item1_19">[7]Plan1!$J$13</definedName>
    <definedName name="item1_21">[7]Plan1!$J$13</definedName>
    <definedName name="item1_22">[9]Plan1!$J$13</definedName>
    <definedName name="item1_8">[10]Plan1!$J$13</definedName>
    <definedName name="item10">[5]Plan1!#REF!</definedName>
    <definedName name="item10_14">[6]Plan1!#REF!</definedName>
    <definedName name="item10_16">[7]Plan1!#REF!</definedName>
    <definedName name="item10_16_1">[7]Plan1!#REF!</definedName>
    <definedName name="item10_18">[8]Plan1!#REF!</definedName>
    <definedName name="item10_18_1">[7]Plan1!#REF!</definedName>
    <definedName name="item10_19">[7]Plan1!#REF!</definedName>
    <definedName name="item10_21">[7]Plan1!#REF!</definedName>
    <definedName name="item10_22">[9]Plan1!#REF!</definedName>
    <definedName name="item10_8">[10]Plan1!#REF!</definedName>
    <definedName name="item11">[5]Plan1!#REF!</definedName>
    <definedName name="item11_14">[6]Plan1!#REF!</definedName>
    <definedName name="item11_16">[7]Plan1!#REF!</definedName>
    <definedName name="item11_16_1">[7]Plan1!#REF!</definedName>
    <definedName name="item11_18">[8]Plan1!#REF!</definedName>
    <definedName name="item11_18_1">[7]Plan1!#REF!</definedName>
    <definedName name="item11_19">[7]Plan1!#REF!</definedName>
    <definedName name="item11_21">[7]Plan1!#REF!</definedName>
    <definedName name="item11_22">[9]Plan1!#REF!</definedName>
    <definedName name="item11_8">[10]Plan1!#REF!</definedName>
    <definedName name="item12">[5]Plan1!$J$105</definedName>
    <definedName name="item12_14">[6]Plan1!$J$105</definedName>
    <definedName name="item12_16">[7]Plan1!$J$105</definedName>
    <definedName name="item12_16_1">[7]Plan1!$J$105</definedName>
    <definedName name="item12_18">[8]Plan1!$J$105</definedName>
    <definedName name="item12_18_1">[7]Plan1!$J$105</definedName>
    <definedName name="item12_19">[7]Plan1!$J$105</definedName>
    <definedName name="item12_21">[7]Plan1!$J$105</definedName>
    <definedName name="item12_22">[9]Plan1!$J$105</definedName>
    <definedName name="item12_8">[10]Plan1!$J$105</definedName>
    <definedName name="item13">[5]Plan1!#REF!</definedName>
    <definedName name="item13_14">[6]Plan1!#REF!</definedName>
    <definedName name="item13_16">[7]Plan1!#REF!</definedName>
    <definedName name="item13_16_1">[7]Plan1!#REF!</definedName>
    <definedName name="item13_18">[8]Plan1!#REF!</definedName>
    <definedName name="item13_18_1">[7]Plan1!#REF!</definedName>
    <definedName name="item13_19">[7]Plan1!#REF!</definedName>
    <definedName name="item13_21">[7]Plan1!#REF!</definedName>
    <definedName name="item13_22">[9]Plan1!#REF!</definedName>
    <definedName name="item13_8">[10]Plan1!#REF!</definedName>
    <definedName name="item14">[5]Plan1!$J$130</definedName>
    <definedName name="item14_14">[6]Plan1!$J$130</definedName>
    <definedName name="item14_16">[7]Plan1!$J$130</definedName>
    <definedName name="item14_16_1">[7]Plan1!$J$130</definedName>
    <definedName name="item14_18">[8]Plan1!$J$130</definedName>
    <definedName name="item14_18_1">[7]Plan1!$J$130</definedName>
    <definedName name="item14_19">[7]Plan1!$J$130</definedName>
    <definedName name="item14_21">[7]Plan1!$J$130</definedName>
    <definedName name="item14_22">[9]Plan1!$J$130</definedName>
    <definedName name="item14_8">[10]Plan1!$J$130</definedName>
    <definedName name="item15">[5]Plan1!$J$137</definedName>
    <definedName name="item15_14">[6]Plan1!$J$137</definedName>
    <definedName name="item15_16">[7]Plan1!$J$137</definedName>
    <definedName name="item15_16_1">[7]Plan1!$J$137</definedName>
    <definedName name="item15_18">[8]Plan1!$J$137</definedName>
    <definedName name="item15_18_1">[7]Plan1!$J$137</definedName>
    <definedName name="item15_19">[7]Plan1!$J$137</definedName>
    <definedName name="item15_21">[7]Plan1!$J$137</definedName>
    <definedName name="item15_22">[9]Plan1!$J$137</definedName>
    <definedName name="item15_8">[10]Plan1!$J$137</definedName>
    <definedName name="item16">[5]Plan1!$J$141</definedName>
    <definedName name="item16_14">[6]Plan1!$J$141</definedName>
    <definedName name="item16_16">[7]Plan1!$J$141</definedName>
    <definedName name="item16_16_1">[7]Plan1!$J$141</definedName>
    <definedName name="item16_18">[8]Plan1!$J$141</definedName>
    <definedName name="item16_18_1">[7]Plan1!$J$141</definedName>
    <definedName name="item16_19">[7]Plan1!$J$141</definedName>
    <definedName name="item16_21">[7]Plan1!$J$141</definedName>
    <definedName name="item16_22">[9]Plan1!$J$141</definedName>
    <definedName name="item16_8">[10]Plan1!$J$141</definedName>
    <definedName name="item17">[5]Plan1!$J$146</definedName>
    <definedName name="item17_14">[6]Plan1!$J$146</definedName>
    <definedName name="item17_16">[7]Plan1!$J$146</definedName>
    <definedName name="item17_16_1">[7]Plan1!$J$146</definedName>
    <definedName name="item17_18">[8]Plan1!$J$146</definedName>
    <definedName name="item17_18_1">[7]Plan1!$J$146</definedName>
    <definedName name="item17_19">[7]Plan1!$J$146</definedName>
    <definedName name="item17_21">[7]Plan1!$J$146</definedName>
    <definedName name="item17_22">[9]Plan1!$J$146</definedName>
    <definedName name="item17_8">[10]Plan1!$J$146</definedName>
    <definedName name="item2">[5]Plan1!#REF!</definedName>
    <definedName name="item2_14">[6]Plan1!#REF!</definedName>
    <definedName name="item2_16">[7]Plan1!#REF!</definedName>
    <definedName name="item2_16_1">[7]Plan1!#REF!</definedName>
    <definedName name="item2_18">[8]Plan1!#REF!</definedName>
    <definedName name="item2_18_1">[7]Plan1!#REF!</definedName>
    <definedName name="item2_19">[7]Plan1!#REF!</definedName>
    <definedName name="item2_21">[7]Plan1!#REF!</definedName>
    <definedName name="item2_22">[9]Plan1!#REF!</definedName>
    <definedName name="item2_8">[10]Plan1!#REF!</definedName>
    <definedName name="item3">[5]Plan1!$J$30</definedName>
    <definedName name="item3_14">[6]Plan1!$J$30</definedName>
    <definedName name="item3_16">[7]Plan1!$J$30</definedName>
    <definedName name="item3_16_1">[7]Plan1!$J$30</definedName>
    <definedName name="item3_18">[8]Plan1!$J$30</definedName>
    <definedName name="item3_18_1">[7]Plan1!$J$30</definedName>
    <definedName name="item3_19">[7]Plan1!$J$30</definedName>
    <definedName name="item3_21">[7]Plan1!$J$30</definedName>
    <definedName name="item3_22">[9]Plan1!$J$30</definedName>
    <definedName name="item3_8">[10]Plan1!$J$30</definedName>
    <definedName name="item4">[5]Plan1!$J$39</definedName>
    <definedName name="item4_14">[6]Plan1!$J$39</definedName>
    <definedName name="item4_16">[7]Plan1!$J$39</definedName>
    <definedName name="item4_16_1">[7]Plan1!$J$39</definedName>
    <definedName name="item4_18">[8]Plan1!$J$39</definedName>
    <definedName name="item4_18_1">[7]Plan1!$J$39</definedName>
    <definedName name="item4_19">[7]Plan1!$J$39</definedName>
    <definedName name="item4_21">[7]Plan1!$J$39</definedName>
    <definedName name="item4_22">[9]Plan1!$J$39</definedName>
    <definedName name="item4_8">[10]Plan1!$J$39</definedName>
    <definedName name="item5">[5]Plan1!#REF!</definedName>
    <definedName name="item5_14">[6]Plan1!#REF!</definedName>
    <definedName name="item5_16">[7]Plan1!#REF!</definedName>
    <definedName name="item5_16_1">[7]Plan1!#REF!</definedName>
    <definedName name="item5_18">[8]Plan1!#REF!</definedName>
    <definedName name="item5_18_1">[7]Plan1!#REF!</definedName>
    <definedName name="item5_19">[7]Plan1!#REF!</definedName>
    <definedName name="item5_21">[7]Plan1!#REF!</definedName>
    <definedName name="item5_22">[9]Plan1!#REF!</definedName>
    <definedName name="item5_8">[10]Plan1!#REF!</definedName>
    <definedName name="item6">[5]Plan1!#REF!</definedName>
    <definedName name="item6_14">[6]Plan1!#REF!</definedName>
    <definedName name="item6_16">[7]Plan1!#REF!</definedName>
    <definedName name="item6_16_1">[7]Plan1!#REF!</definedName>
    <definedName name="item6_18">[8]Plan1!#REF!</definedName>
    <definedName name="item6_18_1">[7]Plan1!#REF!</definedName>
    <definedName name="item6_19">[7]Plan1!#REF!</definedName>
    <definedName name="item6_21">[7]Plan1!#REF!</definedName>
    <definedName name="item6_22">[9]Plan1!#REF!</definedName>
    <definedName name="item6_8">[10]Plan1!#REF!</definedName>
    <definedName name="item7">[5]Plan1!$J$53</definedName>
    <definedName name="item7_14">[6]Plan1!$J$53</definedName>
    <definedName name="item7_16">[7]Plan1!$J$53</definedName>
    <definedName name="item7_16_1">[7]Plan1!$J$53</definedName>
    <definedName name="item7_18">[8]Plan1!$J$53</definedName>
    <definedName name="item7_18_1">[7]Plan1!$J$53</definedName>
    <definedName name="item7_19">[7]Plan1!$J$53</definedName>
    <definedName name="item7_21">[7]Plan1!$J$53</definedName>
    <definedName name="item7_22">[9]Plan1!$J$53</definedName>
    <definedName name="item7_8">[10]Plan1!$J$53</definedName>
    <definedName name="item8">[5]Plan1!$J$81</definedName>
    <definedName name="item8_14">[6]Plan1!$J$81</definedName>
    <definedName name="item8_16">[7]Plan1!$J$81</definedName>
    <definedName name="item8_16_1">[7]Plan1!$J$81</definedName>
    <definedName name="item8_18">[8]Plan1!$J$81</definedName>
    <definedName name="item8_18_1">[7]Plan1!$J$81</definedName>
    <definedName name="item8_19">[7]Plan1!$J$81</definedName>
    <definedName name="item8_21">[7]Plan1!$J$81</definedName>
    <definedName name="item8_22">[9]Plan1!$J$81</definedName>
    <definedName name="item8_8">[10]Plan1!$J$81</definedName>
    <definedName name="item9">[5]Plan1!#REF!</definedName>
    <definedName name="item9_14">[6]Plan1!#REF!</definedName>
    <definedName name="item9_16">[7]Plan1!#REF!</definedName>
    <definedName name="item9_16_1">[7]Plan1!#REF!</definedName>
    <definedName name="item9_18">[8]Plan1!#REF!</definedName>
    <definedName name="item9_18_1">[7]Plan1!#REF!</definedName>
    <definedName name="item9_19">[7]Plan1!#REF!</definedName>
    <definedName name="item9_21">[7]Plan1!#REF!</definedName>
    <definedName name="item9_22">[9]Plan1!#REF!</definedName>
    <definedName name="item9_8">[10]Plan1!#REF!</definedName>
    <definedName name="koae">#REF!</definedName>
    <definedName name="kpavi">#REF!</definedName>
    <definedName name="kterra">#REF!</definedName>
    <definedName name="LEIS">#REF!</definedName>
    <definedName name="LEIS_22">#REF!</definedName>
    <definedName name="LEIS_25">#REF!</definedName>
    <definedName name="LEIS_26">#REF!</definedName>
    <definedName name="MACROS">#REF!</definedName>
    <definedName name="MACROS_14">#REF!</definedName>
    <definedName name="MACROS_16">#REF!</definedName>
    <definedName name="MACROS_18">#REF!</definedName>
    <definedName name="MACROS_18_1">#REF!</definedName>
    <definedName name="MACROS_19">#REF!</definedName>
    <definedName name="MACROS_21">#REF!</definedName>
    <definedName name="MACROS_22">#REF!</definedName>
    <definedName name="MACROS_25">#REF!</definedName>
    <definedName name="MAO010201_22">#REF!</definedName>
    <definedName name="MAO010201_25">#REF!</definedName>
    <definedName name="MAO010201_26">#REF!</definedName>
    <definedName name="MAO010202_22">#REF!</definedName>
    <definedName name="MAO010202_25">#REF!</definedName>
    <definedName name="MAO010202_26">#REF!</definedName>
    <definedName name="MAO010205_22">#REF!</definedName>
    <definedName name="MAO010205_25">#REF!</definedName>
    <definedName name="MAO010205_26">#REF!</definedName>
    <definedName name="MAO010206_22">#REF!</definedName>
    <definedName name="MAO010206_25">#REF!</definedName>
    <definedName name="MAO010206_26">#REF!</definedName>
    <definedName name="MAO010210_22">#REF!</definedName>
    <definedName name="MAO010210_25">#REF!</definedName>
    <definedName name="MAO010210_26">#REF!</definedName>
    <definedName name="MAO010401_22">#REF!</definedName>
    <definedName name="MAO010401_25">#REF!</definedName>
    <definedName name="MAO010401_26">#REF!</definedName>
    <definedName name="MAO010402_14">#REF!</definedName>
    <definedName name="MAO010402_18">#REF!</definedName>
    <definedName name="MAO010402_21">#REF!</definedName>
    <definedName name="MAO010402_22">#REF!</definedName>
    <definedName name="MAO010402_25">#REF!</definedName>
    <definedName name="MAO010402_26">#REF!</definedName>
    <definedName name="MAO010407_14">#REF!</definedName>
    <definedName name="MAO010407_18">#REF!</definedName>
    <definedName name="MAO010407_21">#REF!</definedName>
    <definedName name="MAO010407_22">#REF!</definedName>
    <definedName name="MAO010407_25">#REF!</definedName>
    <definedName name="MAO010407_26">#REF!</definedName>
    <definedName name="MAO010413_14">#REF!</definedName>
    <definedName name="MAO010413_18">#REF!</definedName>
    <definedName name="MAO010413_21">#REF!</definedName>
    <definedName name="MAO010413_22">#REF!</definedName>
    <definedName name="MAO010413_25">#REF!</definedName>
    <definedName name="MAO010413_26">#REF!</definedName>
    <definedName name="MAO010501_14">#REF!</definedName>
    <definedName name="MAO010501_18">#REF!</definedName>
    <definedName name="MAO010501_21">#REF!</definedName>
    <definedName name="MAO010501_22">#REF!</definedName>
    <definedName name="MAO010501_25">#REF!</definedName>
    <definedName name="MAO010501_26">#REF!</definedName>
    <definedName name="MAO010503_14">#REF!</definedName>
    <definedName name="MAO010503_18">#REF!</definedName>
    <definedName name="MAO010503_21">#REF!</definedName>
    <definedName name="MAO010503_22">#REF!</definedName>
    <definedName name="MAO010503_25">#REF!</definedName>
    <definedName name="MAO010503_26">#REF!</definedName>
    <definedName name="MAO010505_14">#REF!</definedName>
    <definedName name="MAO010505_18">#REF!</definedName>
    <definedName name="MAO010505_21">#REF!</definedName>
    <definedName name="MAO010505_22">#REF!</definedName>
    <definedName name="MAO010505_25">#REF!</definedName>
    <definedName name="MAO010505_26">#REF!</definedName>
    <definedName name="MAO010509_14">#REF!</definedName>
    <definedName name="MAO010509_18">#REF!</definedName>
    <definedName name="MAO010509_21">#REF!</definedName>
    <definedName name="MAO010509_22">#REF!</definedName>
    <definedName name="MAO010509_25">#REF!</definedName>
    <definedName name="MAO010509_26">#REF!</definedName>
    <definedName name="MAO010512_14">#REF!</definedName>
    <definedName name="MAO010512_18">#REF!</definedName>
    <definedName name="MAO010512_21">#REF!</definedName>
    <definedName name="MAO010512_22">#REF!</definedName>
    <definedName name="MAO010512_25">#REF!</definedName>
    <definedName name="MAO010512_26">#REF!</definedName>
    <definedName name="MAO010518_14">#REF!</definedName>
    <definedName name="MAO010518_18">#REF!</definedName>
    <definedName name="MAO010518_21">#REF!</definedName>
    <definedName name="MAO010518_22">#REF!</definedName>
    <definedName name="MAO010518_25">#REF!</definedName>
    <definedName name="MAO010518_26">#REF!</definedName>
    <definedName name="MAO010519_14">#REF!</definedName>
    <definedName name="MAO010519_18">#REF!</definedName>
    <definedName name="MAO010519_21">#REF!</definedName>
    <definedName name="MAO010519_22">#REF!</definedName>
    <definedName name="MAO010519_25">#REF!</definedName>
    <definedName name="MAO010519_26">#REF!</definedName>
    <definedName name="MAO010521_14">#REF!</definedName>
    <definedName name="MAO010521_18">#REF!</definedName>
    <definedName name="MAO010521_21">#REF!</definedName>
    <definedName name="MAO010521_22">#REF!</definedName>
    <definedName name="MAO010521_25">#REF!</definedName>
    <definedName name="MAO010521_26">#REF!</definedName>
    <definedName name="MAO010523_14">#REF!</definedName>
    <definedName name="MAO010523_18">#REF!</definedName>
    <definedName name="MAO010523_21">#REF!</definedName>
    <definedName name="MAO010523_22">#REF!</definedName>
    <definedName name="MAO010523_25">#REF!</definedName>
    <definedName name="MAO010523_26">#REF!</definedName>
    <definedName name="MAO010532_14">#REF!</definedName>
    <definedName name="MAO010532_18">#REF!</definedName>
    <definedName name="MAO010532_21">#REF!</definedName>
    <definedName name="MAO010532_22">#REF!</definedName>
    <definedName name="MAO010532_25">#REF!</definedName>
    <definedName name="MAO010532_26">#REF!</definedName>
    <definedName name="MAO010533_14">#REF!</definedName>
    <definedName name="MAO010533_18">#REF!</definedName>
    <definedName name="MAO010533_21">#REF!</definedName>
    <definedName name="MAO010533_22">#REF!</definedName>
    <definedName name="MAO010533_25">#REF!</definedName>
    <definedName name="MAO010533_26">#REF!</definedName>
    <definedName name="MAO010536_14">#REF!</definedName>
    <definedName name="MAO010536_18">#REF!</definedName>
    <definedName name="MAO010536_21">#REF!</definedName>
    <definedName name="MAO010536_22">#REF!</definedName>
    <definedName name="MAO010536_25">#REF!</definedName>
    <definedName name="MAO010536_26">#REF!</definedName>
    <definedName name="MAO010701_14">#REF!</definedName>
    <definedName name="MAO010701_18">#REF!</definedName>
    <definedName name="MAO010701_21">#REF!</definedName>
    <definedName name="MAO010701_22">#REF!</definedName>
    <definedName name="MAO010701_25">#REF!</definedName>
    <definedName name="MAO010701_26">#REF!</definedName>
    <definedName name="MAO010703_14">#REF!</definedName>
    <definedName name="MAO010703_18">#REF!</definedName>
    <definedName name="MAO010703_21">#REF!</definedName>
    <definedName name="MAO010703_22">#REF!</definedName>
    <definedName name="MAO010703_25">#REF!</definedName>
    <definedName name="MAO010703_26">#REF!</definedName>
    <definedName name="MAO010705_14">#REF!</definedName>
    <definedName name="MAO010705_18">#REF!</definedName>
    <definedName name="MAO010705_21">#REF!</definedName>
    <definedName name="MAO010705_22">#REF!</definedName>
    <definedName name="MAO010705_25">#REF!</definedName>
    <definedName name="MAO010705_26">#REF!</definedName>
    <definedName name="MAO010708_14">#REF!</definedName>
    <definedName name="MAO010708_18">#REF!</definedName>
    <definedName name="MAO010708_21">#REF!</definedName>
    <definedName name="MAO010708_22">#REF!</definedName>
    <definedName name="MAO010708_25">#REF!</definedName>
    <definedName name="MAO010708_26">#REF!</definedName>
    <definedName name="MAO010710_14">#REF!</definedName>
    <definedName name="MAO010710_18">#REF!</definedName>
    <definedName name="MAO010710_21">#REF!</definedName>
    <definedName name="MAO010710_22">#REF!</definedName>
    <definedName name="MAO010710_25">#REF!</definedName>
    <definedName name="MAO010710_26">#REF!</definedName>
    <definedName name="MAO010712_14">#REF!</definedName>
    <definedName name="MAO010712_18">#REF!</definedName>
    <definedName name="MAO010712_21">#REF!</definedName>
    <definedName name="MAO010712_22">#REF!</definedName>
    <definedName name="MAO010712_25">#REF!</definedName>
    <definedName name="MAO010712_26">#REF!</definedName>
    <definedName name="MAO010717_14">#REF!</definedName>
    <definedName name="MAO010717_18">#REF!</definedName>
    <definedName name="MAO010717_21">#REF!</definedName>
    <definedName name="MAO010717_22">#REF!</definedName>
    <definedName name="MAO010717_25">#REF!</definedName>
    <definedName name="MAO010717_26">#REF!</definedName>
    <definedName name="MAO020201_14">#REF!</definedName>
    <definedName name="MAO020201_18">#REF!</definedName>
    <definedName name="MAO020201_21">#REF!</definedName>
    <definedName name="MAO020201_22">#REF!</definedName>
    <definedName name="MAO020201_25">#REF!</definedName>
    <definedName name="MAO020201_26">#REF!</definedName>
    <definedName name="MAO020205_14">#REF!</definedName>
    <definedName name="MAO020205_18">#REF!</definedName>
    <definedName name="MAO020205_21">#REF!</definedName>
    <definedName name="MAO020205_22">#REF!</definedName>
    <definedName name="MAO020205_25">#REF!</definedName>
    <definedName name="MAO020205_26">#REF!</definedName>
    <definedName name="MAO020211_14">#REF!</definedName>
    <definedName name="MAO020211_18">#REF!</definedName>
    <definedName name="MAO020211_21">#REF!</definedName>
    <definedName name="MAO020211_22">#REF!</definedName>
    <definedName name="MAO020211_25">#REF!</definedName>
    <definedName name="MAO020211_26">#REF!</definedName>
    <definedName name="MAO020217_14">#REF!</definedName>
    <definedName name="MAO020217_18">#REF!</definedName>
    <definedName name="MAO020217_21">#REF!</definedName>
    <definedName name="MAO020217_22">#REF!</definedName>
    <definedName name="MAO020217_25">#REF!</definedName>
    <definedName name="MAO020217_26">#REF!</definedName>
    <definedName name="MAO030102_14">#REF!</definedName>
    <definedName name="MAO030102_18">#REF!</definedName>
    <definedName name="MAO030102_21">#REF!</definedName>
    <definedName name="MAO030102_22">#REF!</definedName>
    <definedName name="MAO030102_25">#REF!</definedName>
    <definedName name="MAO030102_26">#REF!</definedName>
    <definedName name="MAO030201_14">#REF!</definedName>
    <definedName name="MAO030201_18">#REF!</definedName>
    <definedName name="MAO030201_21">#REF!</definedName>
    <definedName name="MAO030201_22">#REF!</definedName>
    <definedName name="MAO030201_25">#REF!</definedName>
    <definedName name="MAO030201_26">#REF!</definedName>
    <definedName name="MAO030303_14">#REF!</definedName>
    <definedName name="MAO030303_18">#REF!</definedName>
    <definedName name="MAO030303_21">#REF!</definedName>
    <definedName name="MAO030303_22">#REF!</definedName>
    <definedName name="MAO030303_25">#REF!</definedName>
    <definedName name="MAO030303_26">#REF!</definedName>
    <definedName name="MAO030317_14">#REF!</definedName>
    <definedName name="MAO030317_18">#REF!</definedName>
    <definedName name="MAO030317_21">#REF!</definedName>
    <definedName name="MAO030317_22">#REF!</definedName>
    <definedName name="MAO030317_25">#REF!</definedName>
    <definedName name="MAO030317_26">#REF!</definedName>
    <definedName name="MAO040101_14">#REF!</definedName>
    <definedName name="MAO040101_18">#REF!</definedName>
    <definedName name="MAO040101_21">#REF!</definedName>
    <definedName name="MAO040101_22">#REF!</definedName>
    <definedName name="MAO040101_25">#REF!</definedName>
    <definedName name="MAO040101_26">#REF!</definedName>
    <definedName name="MAO040202_14">#REF!</definedName>
    <definedName name="MAO040202_18">#REF!</definedName>
    <definedName name="MAO040202_21">#REF!</definedName>
    <definedName name="MAO040202_22">#REF!</definedName>
    <definedName name="MAO040202_25">#REF!</definedName>
    <definedName name="MAO040202_26">#REF!</definedName>
    <definedName name="MAO050103_14">#REF!</definedName>
    <definedName name="MAO050103_18">#REF!</definedName>
    <definedName name="MAO050103_21">#REF!</definedName>
    <definedName name="MAO050103_22">#REF!</definedName>
    <definedName name="MAO050103_25">#REF!</definedName>
    <definedName name="MAO050103_26">#REF!</definedName>
    <definedName name="MAO050207_14">#REF!</definedName>
    <definedName name="MAO050207_18">#REF!</definedName>
    <definedName name="MAO050207_21">#REF!</definedName>
    <definedName name="MAO050207_22">#REF!</definedName>
    <definedName name="MAO050207_25">#REF!</definedName>
    <definedName name="MAO050207_26">#REF!</definedName>
    <definedName name="MAO060101_14">#REF!</definedName>
    <definedName name="MAO060101_18">#REF!</definedName>
    <definedName name="MAO060101_21">#REF!</definedName>
    <definedName name="MAO060101_22">#REF!</definedName>
    <definedName name="MAO060101_25">#REF!</definedName>
    <definedName name="MAO060101_26">#REF!</definedName>
    <definedName name="MAO080310_14">#REF!</definedName>
    <definedName name="MAO080310_18">#REF!</definedName>
    <definedName name="MAO080310_21">#REF!</definedName>
    <definedName name="MAO080310_22">#REF!</definedName>
    <definedName name="MAO080310_25">#REF!</definedName>
    <definedName name="MAO080310_26">#REF!</definedName>
    <definedName name="MAO090101_14">#REF!</definedName>
    <definedName name="MAO090101_18">#REF!</definedName>
    <definedName name="MAO090101_21">#REF!</definedName>
    <definedName name="MAO090101_22">#REF!</definedName>
    <definedName name="MAO090101_25">#REF!</definedName>
    <definedName name="MAO090101_26">#REF!</definedName>
    <definedName name="MAO110101_14">#REF!</definedName>
    <definedName name="MAO110101_18">#REF!</definedName>
    <definedName name="MAO110101_21">#REF!</definedName>
    <definedName name="MAO110101_22">#REF!</definedName>
    <definedName name="MAO110101_25">#REF!</definedName>
    <definedName name="MAO110101_26">#REF!</definedName>
    <definedName name="MAO110104_14">#REF!</definedName>
    <definedName name="MAO110104_18">#REF!</definedName>
    <definedName name="MAO110104_21">#REF!</definedName>
    <definedName name="MAO110104_22">#REF!</definedName>
    <definedName name="MAO110104_25">#REF!</definedName>
    <definedName name="MAO110104_26">#REF!</definedName>
    <definedName name="MAO110107_14">#REF!</definedName>
    <definedName name="MAO110107_18">#REF!</definedName>
    <definedName name="MAO110107_21">#REF!</definedName>
    <definedName name="MAO110107_22">#REF!</definedName>
    <definedName name="MAO110107_25">#REF!</definedName>
    <definedName name="MAO110107_26">#REF!</definedName>
    <definedName name="MAO120101_14">#REF!</definedName>
    <definedName name="MAO120101_18">#REF!</definedName>
    <definedName name="MAO120101_21">#REF!</definedName>
    <definedName name="MAO120101_22">#REF!</definedName>
    <definedName name="MAO120101_25">#REF!</definedName>
    <definedName name="MAO120101_26">#REF!</definedName>
    <definedName name="MAO120105_14">#REF!</definedName>
    <definedName name="MAO120105_18">#REF!</definedName>
    <definedName name="MAO120105_21">#REF!</definedName>
    <definedName name="MAO120105_22">#REF!</definedName>
    <definedName name="MAO120105_25">#REF!</definedName>
    <definedName name="MAO120105_26">#REF!</definedName>
    <definedName name="MAO120106_14">#REF!</definedName>
    <definedName name="MAO120106_18">#REF!</definedName>
    <definedName name="MAO120106_21">#REF!</definedName>
    <definedName name="MAO120106_22">#REF!</definedName>
    <definedName name="MAO120106_25">#REF!</definedName>
    <definedName name="MAO120106_26">#REF!</definedName>
    <definedName name="MAO120107_14">#REF!</definedName>
    <definedName name="MAO120107_18">#REF!</definedName>
    <definedName name="MAO120107_21">#REF!</definedName>
    <definedName name="MAO120107_22">#REF!</definedName>
    <definedName name="MAO120107_25">#REF!</definedName>
    <definedName name="MAO120107_26">#REF!</definedName>
    <definedName name="MAO120110_14">#REF!</definedName>
    <definedName name="MAO120110_18">#REF!</definedName>
    <definedName name="MAO120110_21">#REF!</definedName>
    <definedName name="MAO120110_22">#REF!</definedName>
    <definedName name="MAO120110_25">#REF!</definedName>
    <definedName name="MAO120110_26">#REF!</definedName>
    <definedName name="MAO120150_14">#REF!</definedName>
    <definedName name="MAO120150_18">#REF!</definedName>
    <definedName name="MAO120150_21">#REF!</definedName>
    <definedName name="MAO120150_22">#REF!</definedName>
    <definedName name="MAO120150_25">#REF!</definedName>
    <definedName name="MAO120150_26">#REF!</definedName>
    <definedName name="MAO130101_14">#REF!</definedName>
    <definedName name="MAO130101_18">#REF!</definedName>
    <definedName name="MAO130101_21">#REF!</definedName>
    <definedName name="MAO130101_22">#REF!</definedName>
    <definedName name="MAO130101_25">#REF!</definedName>
    <definedName name="MAO130101_26">#REF!</definedName>
    <definedName name="MAO130103_14">#REF!</definedName>
    <definedName name="MAO130103_18">#REF!</definedName>
    <definedName name="MAO130103_21">#REF!</definedName>
    <definedName name="MAO130103_22">#REF!</definedName>
    <definedName name="MAO130103_25">#REF!</definedName>
    <definedName name="MAO130103_26">#REF!</definedName>
    <definedName name="MAO130304_14">#REF!</definedName>
    <definedName name="MAO130304_18">#REF!</definedName>
    <definedName name="MAO130304_21">#REF!</definedName>
    <definedName name="MAO130304_22">#REF!</definedName>
    <definedName name="MAO130304_25">#REF!</definedName>
    <definedName name="MAO130304_26">#REF!</definedName>
    <definedName name="MAO130401_14">#REF!</definedName>
    <definedName name="MAO130401_18">#REF!</definedName>
    <definedName name="MAO130401_21">#REF!</definedName>
    <definedName name="MAO130401_22">#REF!</definedName>
    <definedName name="MAO130401_25">#REF!</definedName>
    <definedName name="MAO130401_26">#REF!</definedName>
    <definedName name="MAO140102_14">#REF!</definedName>
    <definedName name="MAO140102_18">#REF!</definedName>
    <definedName name="MAO140102_21">#REF!</definedName>
    <definedName name="MAO140102_22">#REF!</definedName>
    <definedName name="MAO140102_25">#REF!</definedName>
    <definedName name="MAO140102_26">#REF!</definedName>
    <definedName name="MAO140109_14">#REF!</definedName>
    <definedName name="MAO140109_18">#REF!</definedName>
    <definedName name="MAO140109_21">#REF!</definedName>
    <definedName name="MAO140109_22">#REF!</definedName>
    <definedName name="MAO140109_25">#REF!</definedName>
    <definedName name="MAO140109_26">#REF!</definedName>
    <definedName name="MAO140113_14">#REF!</definedName>
    <definedName name="MAO140113_18">#REF!</definedName>
    <definedName name="MAO140113_21">#REF!</definedName>
    <definedName name="MAO140113_22">#REF!</definedName>
    <definedName name="MAO140113_25">#REF!</definedName>
    <definedName name="MAO140113_26">#REF!</definedName>
    <definedName name="MAO140122_14">#REF!</definedName>
    <definedName name="MAO140122_18">#REF!</definedName>
    <definedName name="MAO140122_21">#REF!</definedName>
    <definedName name="MAO140122_22">#REF!</definedName>
    <definedName name="MAO140122_25">#REF!</definedName>
    <definedName name="MAO140122_26">#REF!</definedName>
    <definedName name="MAO140126_14">#REF!</definedName>
    <definedName name="MAO140126_18">#REF!</definedName>
    <definedName name="MAO140126_21">#REF!</definedName>
    <definedName name="MAO140126_22">#REF!</definedName>
    <definedName name="MAO140126_25">#REF!</definedName>
    <definedName name="MAO140126_26">#REF!</definedName>
    <definedName name="MAO140129_14">#REF!</definedName>
    <definedName name="MAO140129_18">#REF!</definedName>
    <definedName name="MAO140129_21">#REF!</definedName>
    <definedName name="MAO140129_22">#REF!</definedName>
    <definedName name="MAO140129_25">#REF!</definedName>
    <definedName name="MAO140129_26">#REF!</definedName>
    <definedName name="MAO140135_14">#REF!</definedName>
    <definedName name="MAO140135_18">#REF!</definedName>
    <definedName name="MAO140135_21">#REF!</definedName>
    <definedName name="MAO140135_22">#REF!</definedName>
    <definedName name="MAO140135_25">#REF!</definedName>
    <definedName name="MAO140135_26">#REF!</definedName>
    <definedName name="MAO140143_14">#REF!</definedName>
    <definedName name="MAO140143_18">#REF!</definedName>
    <definedName name="MAO140143_21">#REF!</definedName>
    <definedName name="MAO140143_22">#REF!</definedName>
    <definedName name="MAO140143_25">#REF!</definedName>
    <definedName name="MAO140143_26">#REF!</definedName>
    <definedName name="MAO140145_14">#REF!</definedName>
    <definedName name="MAO140145_18">#REF!</definedName>
    <definedName name="MAO140145_21">#REF!</definedName>
    <definedName name="MAO140145_22">#REF!</definedName>
    <definedName name="MAO140145_25">#REF!</definedName>
    <definedName name="MAO140145_26">#REF!</definedName>
    <definedName name="MAT">#REF!</definedName>
    <definedName name="MAT_14">#REF!</definedName>
    <definedName name="MAT_16">#REF!</definedName>
    <definedName name="MAT_16_1">#REF!</definedName>
    <definedName name="MAT_18">#REF!</definedName>
    <definedName name="MAT_18_1">#REF!</definedName>
    <definedName name="MAT_19">#REF!</definedName>
    <definedName name="MAT_21">#REF!</definedName>
    <definedName name="MAT_22">#REF!</definedName>
    <definedName name="MAT_8">#REF!</definedName>
    <definedName name="MAT010301_22">#REF!</definedName>
    <definedName name="MAT010301_25">#REF!</definedName>
    <definedName name="MAT010301_26">#REF!</definedName>
    <definedName name="MAT010401_22">#REF!</definedName>
    <definedName name="MAT010401_25">#REF!</definedName>
    <definedName name="MAT010401_26">#REF!</definedName>
    <definedName name="MAT010402_14">#REF!</definedName>
    <definedName name="MAT010402_18">#REF!</definedName>
    <definedName name="MAT010402_21">#REF!</definedName>
    <definedName name="MAT010402_22">#REF!</definedName>
    <definedName name="MAT010402_25">#REF!</definedName>
    <definedName name="MAT010402_26">#REF!</definedName>
    <definedName name="MAT010407_14">#REF!</definedName>
    <definedName name="MAT010407_18">#REF!</definedName>
    <definedName name="MAT010407_21">#REF!</definedName>
    <definedName name="MAT010407_22">#REF!</definedName>
    <definedName name="MAT010407_25">#REF!</definedName>
    <definedName name="MAT010407_26">#REF!</definedName>
    <definedName name="MAT010413_14">#REF!</definedName>
    <definedName name="MAT010413_18">#REF!</definedName>
    <definedName name="MAT010413_21">#REF!</definedName>
    <definedName name="MAT010413_22">#REF!</definedName>
    <definedName name="MAT010413_25">#REF!</definedName>
    <definedName name="MAT010413_26">#REF!</definedName>
    <definedName name="MAT010536_14">#REF!</definedName>
    <definedName name="MAT010536_18">#REF!</definedName>
    <definedName name="MAT010536_21">#REF!</definedName>
    <definedName name="MAT010536_22">#REF!</definedName>
    <definedName name="MAT010536_25">#REF!</definedName>
    <definedName name="MAT010536_26">#REF!</definedName>
    <definedName name="MAT010703_14">#REF!</definedName>
    <definedName name="MAT010703_18">#REF!</definedName>
    <definedName name="MAT010703_21">#REF!</definedName>
    <definedName name="MAT010703_22">#REF!</definedName>
    <definedName name="MAT010703_25">#REF!</definedName>
    <definedName name="MAT010703_26">#REF!</definedName>
    <definedName name="MAT010708_14">#REF!</definedName>
    <definedName name="MAT010708_18">#REF!</definedName>
    <definedName name="MAT010708_21">#REF!</definedName>
    <definedName name="MAT010708_22">#REF!</definedName>
    <definedName name="MAT010708_25">#REF!</definedName>
    <definedName name="MAT010708_26">#REF!</definedName>
    <definedName name="MAT010710_14">#REF!</definedName>
    <definedName name="MAT010710_18">#REF!</definedName>
    <definedName name="MAT010710_21">#REF!</definedName>
    <definedName name="MAT010710_22">#REF!</definedName>
    <definedName name="MAT010710_25">#REF!</definedName>
    <definedName name="MAT010710_26">#REF!</definedName>
    <definedName name="MAT010718_14">#REF!</definedName>
    <definedName name="MAT010718_18">#REF!</definedName>
    <definedName name="MAT010718_21">#REF!</definedName>
    <definedName name="MAT010718_22">#REF!</definedName>
    <definedName name="MAT010718_25">#REF!</definedName>
    <definedName name="MAT010718_26">#REF!</definedName>
    <definedName name="MAT020201_14">#REF!</definedName>
    <definedName name="MAT020201_18">#REF!</definedName>
    <definedName name="MAT020201_21">#REF!</definedName>
    <definedName name="MAT020201_22">#REF!</definedName>
    <definedName name="MAT020201_25">#REF!</definedName>
    <definedName name="MAT020201_26">#REF!</definedName>
    <definedName name="MAT020205_14">#REF!</definedName>
    <definedName name="MAT020205_18">#REF!</definedName>
    <definedName name="MAT020205_21">#REF!</definedName>
    <definedName name="MAT020205_22">#REF!</definedName>
    <definedName name="MAT020205_25">#REF!</definedName>
    <definedName name="MAT020205_26">#REF!</definedName>
    <definedName name="MAT020211_14">#REF!</definedName>
    <definedName name="MAT020211_18">#REF!</definedName>
    <definedName name="MAT020211_21">#REF!</definedName>
    <definedName name="MAT020211_22">#REF!</definedName>
    <definedName name="MAT020211_25">#REF!</definedName>
    <definedName name="MAT020211_26">#REF!</definedName>
    <definedName name="MAT030102_14">#REF!</definedName>
    <definedName name="MAT030102_18">#REF!</definedName>
    <definedName name="MAT030102_21">#REF!</definedName>
    <definedName name="MAT030102_22">#REF!</definedName>
    <definedName name="MAT030102_25">#REF!</definedName>
    <definedName name="MAT030102_26">#REF!</definedName>
    <definedName name="MAT030201_14">#REF!</definedName>
    <definedName name="MAT030201_18">#REF!</definedName>
    <definedName name="MAT030201_21">#REF!</definedName>
    <definedName name="MAT030201_22">#REF!</definedName>
    <definedName name="MAT030201_25">#REF!</definedName>
    <definedName name="MAT030201_26">#REF!</definedName>
    <definedName name="MAT030303_14">#REF!</definedName>
    <definedName name="MAT030303_18">#REF!</definedName>
    <definedName name="MAT030303_21">#REF!</definedName>
    <definedName name="MAT030303_22">#REF!</definedName>
    <definedName name="MAT030303_25">#REF!</definedName>
    <definedName name="MAT030303_26">#REF!</definedName>
    <definedName name="MAT030317_14">#REF!</definedName>
    <definedName name="MAT030317_18">#REF!</definedName>
    <definedName name="MAT030317_21">#REF!</definedName>
    <definedName name="MAT030317_22">#REF!</definedName>
    <definedName name="MAT030317_25">#REF!</definedName>
    <definedName name="MAT030317_26">#REF!</definedName>
    <definedName name="MAT040101_14">#REF!</definedName>
    <definedName name="MAT040101_18">#REF!</definedName>
    <definedName name="MAT040101_21">#REF!</definedName>
    <definedName name="MAT040101_22">#REF!</definedName>
    <definedName name="MAT040101_25">#REF!</definedName>
    <definedName name="MAT040101_26">#REF!</definedName>
    <definedName name="MAT040202_14">#REF!</definedName>
    <definedName name="MAT040202_18">#REF!</definedName>
    <definedName name="MAT040202_21">#REF!</definedName>
    <definedName name="MAT040202_22">#REF!</definedName>
    <definedName name="MAT040202_25">#REF!</definedName>
    <definedName name="MAT040202_26">#REF!</definedName>
    <definedName name="MAT050103_14">#REF!</definedName>
    <definedName name="MAT050103_18">#REF!</definedName>
    <definedName name="MAT050103_21">#REF!</definedName>
    <definedName name="MAT050103_22">#REF!</definedName>
    <definedName name="MAT050103_25">#REF!</definedName>
    <definedName name="MAT050103_26">#REF!</definedName>
    <definedName name="MAT050207_14">#REF!</definedName>
    <definedName name="MAT050207_18">#REF!</definedName>
    <definedName name="MAT050207_21">#REF!</definedName>
    <definedName name="MAT050207_22">#REF!</definedName>
    <definedName name="MAT050207_25">#REF!</definedName>
    <definedName name="MAT050207_26">#REF!</definedName>
    <definedName name="MAT060101_14">#REF!</definedName>
    <definedName name="MAT060101_18">#REF!</definedName>
    <definedName name="MAT060101_21">#REF!</definedName>
    <definedName name="MAT060101_22">#REF!</definedName>
    <definedName name="MAT060101_25">#REF!</definedName>
    <definedName name="MAT060101_26">#REF!</definedName>
    <definedName name="MAT080101_14">#REF!</definedName>
    <definedName name="MAT080101_18">#REF!</definedName>
    <definedName name="MAT080101_21">#REF!</definedName>
    <definedName name="MAT080101_22">#REF!</definedName>
    <definedName name="MAT080101_25">#REF!</definedName>
    <definedName name="MAT080101_26">#REF!</definedName>
    <definedName name="MAT080310_14">#REF!</definedName>
    <definedName name="MAT080310_18">#REF!</definedName>
    <definedName name="MAT080310_21">#REF!</definedName>
    <definedName name="MAT080310_22">#REF!</definedName>
    <definedName name="MAT080310_25">#REF!</definedName>
    <definedName name="MAT080310_26">#REF!</definedName>
    <definedName name="MAT090101_14">#REF!</definedName>
    <definedName name="MAT090101_18">#REF!</definedName>
    <definedName name="MAT090101_21">#REF!</definedName>
    <definedName name="MAT090101_22">#REF!</definedName>
    <definedName name="MAT090101_25">#REF!</definedName>
    <definedName name="MAT090101_26">#REF!</definedName>
    <definedName name="MAT100302_14">#REF!</definedName>
    <definedName name="MAT100302_18">#REF!</definedName>
    <definedName name="MAT100302_21">#REF!</definedName>
    <definedName name="MAT100302_22">#REF!</definedName>
    <definedName name="MAT100302_25">#REF!</definedName>
    <definedName name="MAT100302_26">#REF!</definedName>
    <definedName name="MAT110101_14">#REF!</definedName>
    <definedName name="MAT110101_18">#REF!</definedName>
    <definedName name="MAT110101_21">#REF!</definedName>
    <definedName name="MAT110101_22">#REF!</definedName>
    <definedName name="MAT110101_25">#REF!</definedName>
    <definedName name="MAT110101_26">#REF!</definedName>
    <definedName name="MAT110104_14">#REF!</definedName>
    <definedName name="MAT110104_18">#REF!</definedName>
    <definedName name="MAT110104_21">#REF!</definedName>
    <definedName name="MAT110104_22">#REF!</definedName>
    <definedName name="MAT110104_25">#REF!</definedName>
    <definedName name="MAT110104_26">#REF!</definedName>
    <definedName name="MAT110107_14">#REF!</definedName>
    <definedName name="MAT110107_18">#REF!</definedName>
    <definedName name="MAT110107_21">#REF!</definedName>
    <definedName name="MAT110107_22">#REF!</definedName>
    <definedName name="MAT110107_25">#REF!</definedName>
    <definedName name="MAT110107_26">#REF!</definedName>
    <definedName name="MAT120101_14">#REF!</definedName>
    <definedName name="MAT120101_18">#REF!</definedName>
    <definedName name="MAT120101_21">#REF!</definedName>
    <definedName name="MAT120101_22">#REF!</definedName>
    <definedName name="MAT120101_25">#REF!</definedName>
    <definedName name="MAT120101_26">#REF!</definedName>
    <definedName name="MAT120105_14">#REF!</definedName>
    <definedName name="MAT120105_18">#REF!</definedName>
    <definedName name="MAT120105_21">#REF!</definedName>
    <definedName name="MAT120105_22">#REF!</definedName>
    <definedName name="MAT120105_25">#REF!</definedName>
    <definedName name="MAT120105_26">#REF!</definedName>
    <definedName name="MAT120106_14">#REF!</definedName>
    <definedName name="MAT120106_18">#REF!</definedName>
    <definedName name="MAT120106_21">#REF!</definedName>
    <definedName name="MAT120106_22">#REF!</definedName>
    <definedName name="MAT120106_25">#REF!</definedName>
    <definedName name="MAT120106_26">#REF!</definedName>
    <definedName name="MAT120107_14">#REF!</definedName>
    <definedName name="MAT120107_18">#REF!</definedName>
    <definedName name="MAT120107_21">#REF!</definedName>
    <definedName name="MAT120107_22">#REF!</definedName>
    <definedName name="MAT120107_25">#REF!</definedName>
    <definedName name="MAT120107_26">#REF!</definedName>
    <definedName name="MAT120110_14">#REF!</definedName>
    <definedName name="MAT120110_18">#REF!</definedName>
    <definedName name="MAT120110_21">#REF!</definedName>
    <definedName name="MAT120110_22">#REF!</definedName>
    <definedName name="MAT120110_25">#REF!</definedName>
    <definedName name="MAT120110_26">#REF!</definedName>
    <definedName name="MAT120150_14">#REF!</definedName>
    <definedName name="MAT120150_18">#REF!</definedName>
    <definedName name="MAT120150_21">#REF!</definedName>
    <definedName name="MAT120150_22">#REF!</definedName>
    <definedName name="MAT120150_25">#REF!</definedName>
    <definedName name="MAT120150_26">#REF!</definedName>
    <definedName name="MAT130101_14">#REF!</definedName>
    <definedName name="MAT130101_18">#REF!</definedName>
    <definedName name="MAT130101_21">#REF!</definedName>
    <definedName name="MAT130101_22">#REF!</definedName>
    <definedName name="MAT130101_25">#REF!</definedName>
    <definedName name="MAT130101_26">#REF!</definedName>
    <definedName name="MAT130103_14">#REF!</definedName>
    <definedName name="MAT130103_18">#REF!</definedName>
    <definedName name="MAT130103_21">#REF!</definedName>
    <definedName name="MAT130103_22">#REF!</definedName>
    <definedName name="MAT130103_25">#REF!</definedName>
    <definedName name="MAT130103_26">#REF!</definedName>
    <definedName name="MAT130304_14">#REF!</definedName>
    <definedName name="MAT130304_18">#REF!</definedName>
    <definedName name="MAT130304_21">#REF!</definedName>
    <definedName name="MAT130304_22">#REF!</definedName>
    <definedName name="MAT130304_25">#REF!</definedName>
    <definedName name="MAT130304_26">#REF!</definedName>
    <definedName name="MAT130401_14">#REF!</definedName>
    <definedName name="MAT130401_18">#REF!</definedName>
    <definedName name="MAT130401_21">#REF!</definedName>
    <definedName name="MAT130401_22">#REF!</definedName>
    <definedName name="MAT130401_25">#REF!</definedName>
    <definedName name="MAT130401_26">#REF!</definedName>
    <definedName name="MAT140102_14">#REF!</definedName>
    <definedName name="MAT140102_18">#REF!</definedName>
    <definedName name="MAT140102_21">#REF!</definedName>
    <definedName name="MAT140102_22">#REF!</definedName>
    <definedName name="MAT140102_25">#REF!</definedName>
    <definedName name="MAT140102_26">#REF!</definedName>
    <definedName name="MAT140109_14">#REF!</definedName>
    <definedName name="MAT140109_18">#REF!</definedName>
    <definedName name="MAT140109_21">#REF!</definedName>
    <definedName name="MAT140109_22">#REF!</definedName>
    <definedName name="MAT140109_25">#REF!</definedName>
    <definedName name="MAT140109_26">#REF!</definedName>
    <definedName name="MAT140113_14">#REF!</definedName>
    <definedName name="MAT140113_18">#REF!</definedName>
    <definedName name="MAT140113_21">#REF!</definedName>
    <definedName name="MAT140113_22">#REF!</definedName>
    <definedName name="MAT140113_25">#REF!</definedName>
    <definedName name="MAT140113_26">#REF!</definedName>
    <definedName name="MAT140122_14">#REF!</definedName>
    <definedName name="MAT140122_18">#REF!</definedName>
    <definedName name="MAT140122_21">#REF!</definedName>
    <definedName name="MAT140122_22">#REF!</definedName>
    <definedName name="MAT140122_25">#REF!</definedName>
    <definedName name="MAT140122_26">#REF!</definedName>
    <definedName name="MAT140126_14">#REF!</definedName>
    <definedName name="MAT140126_18">#REF!</definedName>
    <definedName name="MAT140126_21">#REF!</definedName>
    <definedName name="MAT140126_22">#REF!</definedName>
    <definedName name="MAT140126_25">#REF!</definedName>
    <definedName name="MAT140126_26">#REF!</definedName>
    <definedName name="MAT140129_14">#REF!</definedName>
    <definedName name="MAT140129_18">#REF!</definedName>
    <definedName name="MAT140129_21">#REF!</definedName>
    <definedName name="MAT140129_22">#REF!</definedName>
    <definedName name="MAT140129_25">#REF!</definedName>
    <definedName name="MAT140129_26">#REF!</definedName>
    <definedName name="MAT140135_14">#REF!</definedName>
    <definedName name="MAT140135_18">#REF!</definedName>
    <definedName name="MAT140135_21">#REF!</definedName>
    <definedName name="MAT140135_22">#REF!</definedName>
    <definedName name="MAT140135_25">#REF!</definedName>
    <definedName name="MAT140135_26">#REF!</definedName>
    <definedName name="MAT140143_14">#REF!</definedName>
    <definedName name="MAT140143_18">#REF!</definedName>
    <definedName name="MAT140143_21">#REF!</definedName>
    <definedName name="MAT140143_22">#REF!</definedName>
    <definedName name="MAT140143_25">#REF!</definedName>
    <definedName name="MAT140143_26">#REF!</definedName>
    <definedName name="MAT140145_14">#REF!</definedName>
    <definedName name="MAT140145_18">#REF!</definedName>
    <definedName name="MAT140145_21">#REF!</definedName>
    <definedName name="MAT140145_22">#REF!</definedName>
    <definedName name="MAT140145_25">#REF!</definedName>
    <definedName name="MAT140145_26">#REF!</definedName>
    <definedName name="MAT150130_14">#REF!</definedName>
    <definedName name="MAT150130_18">#REF!</definedName>
    <definedName name="MAT150130_21">#REF!</definedName>
    <definedName name="MAT150130_22">#REF!</definedName>
    <definedName name="MAT150130_25">#REF!</definedName>
    <definedName name="MAT150130_26">#REF!</definedName>
    <definedName name="MAT170101_14">#REF!</definedName>
    <definedName name="MAT170101_18">#REF!</definedName>
    <definedName name="MAT170101_21">#REF!</definedName>
    <definedName name="MAT170101_22">#REF!</definedName>
    <definedName name="MAT170101_25">#REF!</definedName>
    <definedName name="MAT170101_26">#REF!</definedName>
    <definedName name="MAT170102_14">#REF!</definedName>
    <definedName name="MAT170102_18">#REF!</definedName>
    <definedName name="MAT170102_21">#REF!</definedName>
    <definedName name="MAT170102_22">#REF!</definedName>
    <definedName name="MAT170102_25">#REF!</definedName>
    <definedName name="MAT170102_26">#REF!</definedName>
    <definedName name="MAT170103_14">#REF!</definedName>
    <definedName name="MAT170103_18">#REF!</definedName>
    <definedName name="MAT170103_21">#REF!</definedName>
    <definedName name="MAT170103_22">#REF!</definedName>
    <definedName name="MAT170103_25">#REF!</definedName>
    <definedName name="MAT170103_26">#REF!</definedName>
    <definedName name="MEIO_FIO">#REF!</definedName>
    <definedName name="MEIO_FIO_18">#REF!</definedName>
    <definedName name="MEIO_FIO_22">#REF!</definedName>
    <definedName name="MO">#REF!</definedName>
    <definedName name="MO_14">#REF!</definedName>
    <definedName name="MO_16">#REF!</definedName>
    <definedName name="MO_16_1">#REF!</definedName>
    <definedName name="MO_18">#REF!</definedName>
    <definedName name="MO_18_1">#REF!</definedName>
    <definedName name="MO_19">#REF!</definedName>
    <definedName name="MO_21">#REF!</definedName>
    <definedName name="MO_22">#REF!</definedName>
    <definedName name="MO_8">#REF!</definedName>
    <definedName name="mo_base">[1]Base!$U$39</definedName>
    <definedName name="mo_base_16">[3]Base!$U$39</definedName>
    <definedName name="mo_base_18">[3]Base!$U$39</definedName>
    <definedName name="mo_base_18_1">[3]Base!$U$39</definedName>
    <definedName name="mo_base_19">[3]Base!$U$39</definedName>
    <definedName name="mo_base_22">[1]Base!$U$39</definedName>
    <definedName name="mo_sub_base">[1]Sub_base!$U$36</definedName>
    <definedName name="mo_sub_base_16">[3]Sub_base!$U$36</definedName>
    <definedName name="mo_sub_base_18">[3]Sub_base!$U$36</definedName>
    <definedName name="mo_sub_base_18_1">[3]Sub_base!$U$36</definedName>
    <definedName name="mo_sub_base_19">[3]Sub_base!$U$36</definedName>
    <definedName name="mo_sub_base_22">[1]Sub_base!$U$36</definedName>
    <definedName name="MOE">#REF!</definedName>
    <definedName name="MOE_22">#REF!</definedName>
    <definedName name="MOE_25">#REF!</definedName>
    <definedName name="MOE_26">#REF!</definedName>
    <definedName name="MOH">#REF!</definedName>
    <definedName name="MOH_22">#REF!</definedName>
    <definedName name="MOH_25">#REF!</definedName>
    <definedName name="MOH_26">#REF!</definedName>
    <definedName name="num_linhas">#REF!</definedName>
    <definedName name="num_linhas_22">#REF!</definedName>
    <definedName name="num_linhas_25">#REF!</definedName>
    <definedName name="num_linhas_26">#REF!</definedName>
    <definedName name="oac">#REF!</definedName>
    <definedName name="oac_18">#REF!</definedName>
    <definedName name="oac_22">#REF!</definedName>
    <definedName name="oae">#REF!</definedName>
    <definedName name="oae_18">#REF!</definedName>
    <definedName name="oae_22">#REF!</definedName>
    <definedName name="ocom">#REF!</definedName>
    <definedName name="ocom_18">#REF!</definedName>
    <definedName name="ocom_22">#REF!</definedName>
    <definedName name="pavi">#REF!</definedName>
    <definedName name="PL_ABC">#REF!</definedName>
    <definedName name="PL_ABC_14">#REF!</definedName>
    <definedName name="PL_ABC_16">#REF!</definedName>
    <definedName name="PL_ABC_16_1">#REF!</definedName>
    <definedName name="PL_ABC_18">#REF!</definedName>
    <definedName name="PL_ABC_18_1">#REF!</definedName>
    <definedName name="PL_ABC_19">#REF!</definedName>
    <definedName name="PL_ABC_21">#REF!</definedName>
    <definedName name="PL_ABC_22">#REF!</definedName>
    <definedName name="PL_ABC_8">#REF!</definedName>
    <definedName name="plan275">#REF!</definedName>
    <definedName name="plan275_14">#REF!</definedName>
    <definedName name="plan275_16">#REF!</definedName>
    <definedName name="plan275_16_1">#REF!</definedName>
    <definedName name="plan275_18">#REF!</definedName>
    <definedName name="plan275_18_1">#REF!</definedName>
    <definedName name="plan275_19">#REF!</definedName>
    <definedName name="plan275_21">#REF!</definedName>
    <definedName name="plan275_22">#REF!</definedName>
    <definedName name="plan275_8">#REF!</definedName>
    <definedName name="planilha">#REF!</definedName>
    <definedName name="planilha_14">#REF!</definedName>
    <definedName name="planilha_16">#REF!</definedName>
    <definedName name="planilha_16_1">#REF!</definedName>
    <definedName name="planilha_18">#REF!</definedName>
    <definedName name="planilha_18_1">#REF!</definedName>
    <definedName name="planilha_19">#REF!</definedName>
    <definedName name="planilha_21">#REF!</definedName>
    <definedName name="planilha_22">#REF!</definedName>
    <definedName name="planilha_8">#REF!</definedName>
    <definedName name="plano">#REF!</definedName>
    <definedName name="plano_18">#REF!</definedName>
    <definedName name="plano_22">#REF!</definedName>
    <definedName name="ppt_pistas_e_patios">#REF!</definedName>
    <definedName name="ppt_pistas_e_patios_14">#REF!</definedName>
    <definedName name="ppt_pistas_e_patios_16">#REF!</definedName>
    <definedName name="ppt_pistas_e_patios_16_1">#REF!</definedName>
    <definedName name="ppt_pistas_e_patios_18">#REF!</definedName>
    <definedName name="ppt_pistas_e_patios_18_1">#REF!</definedName>
    <definedName name="ppt_pistas_e_patios_19">#REF!</definedName>
    <definedName name="ppt_pistas_e_patios_21">#REF!</definedName>
    <definedName name="ppt_pistas_e_patios_22">#REF!</definedName>
    <definedName name="ppt_pistas_e_patios_8">#REF!</definedName>
    <definedName name="PRE010201_22">#REF!</definedName>
    <definedName name="PRE010201_25">#REF!</definedName>
    <definedName name="PRE010201_26">#REF!</definedName>
    <definedName name="PRE010202_22">#REF!</definedName>
    <definedName name="PRE010202_25">#REF!</definedName>
    <definedName name="PRE010202_26">#REF!</definedName>
    <definedName name="PRE010205_22">#REF!</definedName>
    <definedName name="PRE010205_25">#REF!</definedName>
    <definedName name="PRE010205_26">#REF!</definedName>
    <definedName name="PRE010206_14">#REF!</definedName>
    <definedName name="PRE010206_18">#REF!</definedName>
    <definedName name="PRE010206_21">#REF!</definedName>
    <definedName name="PRE010206_22">#REF!</definedName>
    <definedName name="PRE010206_25">#REF!</definedName>
    <definedName name="PRE010206_26">#REF!</definedName>
    <definedName name="PRE010210_22">#REF!</definedName>
    <definedName name="PRE010210_25">#REF!</definedName>
    <definedName name="PRE010210_26">#REF!</definedName>
    <definedName name="PRE010301_22">#REF!</definedName>
    <definedName name="PRE010301_25">#REF!</definedName>
    <definedName name="PRE010301_26">#REF!</definedName>
    <definedName name="PRE010401_14">#REF!</definedName>
    <definedName name="PRE010401_18">#REF!</definedName>
    <definedName name="PRE010401_21">#REF!</definedName>
    <definedName name="PRE010401_22">#REF!</definedName>
    <definedName name="PRE010401_25">#REF!</definedName>
    <definedName name="PRE010401_26">#REF!</definedName>
    <definedName name="PRE010402_14">#REF!</definedName>
    <definedName name="PRE010402_18">#REF!</definedName>
    <definedName name="PRE010402_21">#REF!</definedName>
    <definedName name="PRE010402_22">#REF!</definedName>
    <definedName name="PRE010402_25">#REF!</definedName>
    <definedName name="PRE010402_26">#REF!</definedName>
    <definedName name="PRE010407_14">#REF!</definedName>
    <definedName name="PRE010407_18">#REF!</definedName>
    <definedName name="PRE010407_21">#REF!</definedName>
    <definedName name="PRE010407_22">#REF!</definedName>
    <definedName name="PRE010407_25">#REF!</definedName>
    <definedName name="PRE010407_26">#REF!</definedName>
    <definedName name="PRE010413_14">#REF!</definedName>
    <definedName name="PRE010413_18">#REF!</definedName>
    <definedName name="PRE010413_21">#REF!</definedName>
    <definedName name="PRE010413_22">#REF!</definedName>
    <definedName name="PRE010413_25">#REF!</definedName>
    <definedName name="PRE010413_26">#REF!</definedName>
    <definedName name="PRE010501_14">#REF!</definedName>
    <definedName name="PRE010501_18">#REF!</definedName>
    <definedName name="PRE010501_21">#REF!</definedName>
    <definedName name="PRE010501_22">#REF!</definedName>
    <definedName name="PRE010501_25">#REF!</definedName>
    <definedName name="PRE010501_26">#REF!</definedName>
    <definedName name="PRE010503_14">#REF!</definedName>
    <definedName name="PRE010503_18">#REF!</definedName>
    <definedName name="PRE010503_21">#REF!</definedName>
    <definedName name="PRE010503_22">#REF!</definedName>
    <definedName name="PRE010503_25">#REF!</definedName>
    <definedName name="PRE010503_26">#REF!</definedName>
    <definedName name="PRE010505_14">#REF!</definedName>
    <definedName name="PRE010505_18">#REF!</definedName>
    <definedName name="PRE010505_21">#REF!</definedName>
    <definedName name="PRE010505_22">#REF!</definedName>
    <definedName name="PRE010505_25">#REF!</definedName>
    <definedName name="PRE010505_26">#REF!</definedName>
    <definedName name="PRE010509_14">#REF!</definedName>
    <definedName name="PRE010509_18">#REF!</definedName>
    <definedName name="PRE010509_21">#REF!</definedName>
    <definedName name="PRE010509_22">#REF!</definedName>
    <definedName name="PRE010509_25">#REF!</definedName>
    <definedName name="PRE010509_26">#REF!</definedName>
    <definedName name="PRE010512_14">#REF!</definedName>
    <definedName name="PRE010512_18">#REF!</definedName>
    <definedName name="PRE010512_21">#REF!</definedName>
    <definedName name="PRE010512_22">#REF!</definedName>
    <definedName name="PRE010512_25">#REF!</definedName>
    <definedName name="PRE010512_26">#REF!</definedName>
    <definedName name="PRE010518_14">#REF!</definedName>
    <definedName name="PRE010518_18">#REF!</definedName>
    <definedName name="PRE010518_21">#REF!</definedName>
    <definedName name="PRE010518_22">#REF!</definedName>
    <definedName name="PRE010518_25">#REF!</definedName>
    <definedName name="PRE010518_26">#REF!</definedName>
    <definedName name="PRE010519_14">#REF!</definedName>
    <definedName name="PRE010519_18">#REF!</definedName>
    <definedName name="PRE010519_21">#REF!</definedName>
    <definedName name="PRE010519_22">#REF!</definedName>
    <definedName name="PRE010519_25">#REF!</definedName>
    <definedName name="PRE010519_26">#REF!</definedName>
    <definedName name="PRE010521_14">#REF!</definedName>
    <definedName name="PRE010521_18">#REF!</definedName>
    <definedName name="PRE010521_21">#REF!</definedName>
    <definedName name="PRE010521_22">#REF!</definedName>
    <definedName name="PRE010521_25">#REF!</definedName>
    <definedName name="PRE010521_26">#REF!</definedName>
    <definedName name="PRE010523_14">#REF!</definedName>
    <definedName name="PRE010523_18">#REF!</definedName>
    <definedName name="PRE010523_21">#REF!</definedName>
    <definedName name="PRE010523_22">#REF!</definedName>
    <definedName name="PRE010523_25">#REF!</definedName>
    <definedName name="PRE010523_26">#REF!</definedName>
    <definedName name="PRE010532_14">#REF!</definedName>
    <definedName name="PRE010532_18">#REF!</definedName>
    <definedName name="PRE010532_21">#REF!</definedName>
    <definedName name="PRE010532_22">#REF!</definedName>
    <definedName name="PRE010532_25">#REF!</definedName>
    <definedName name="PRE010532_26">#REF!</definedName>
    <definedName name="PRE010533_14">#REF!</definedName>
    <definedName name="PRE010533_18">#REF!</definedName>
    <definedName name="PRE010533_21">#REF!</definedName>
    <definedName name="PRE010533_22">#REF!</definedName>
    <definedName name="PRE010533_25">#REF!</definedName>
    <definedName name="PRE010533_26">#REF!</definedName>
    <definedName name="PRE010536_14">#REF!</definedName>
    <definedName name="PRE010536_18">#REF!</definedName>
    <definedName name="PRE010536_21">#REF!</definedName>
    <definedName name="PRE010536_22">#REF!</definedName>
    <definedName name="PRE010536_25">#REF!</definedName>
    <definedName name="PRE010536_26">#REF!</definedName>
    <definedName name="PRE010701_14">#REF!</definedName>
    <definedName name="PRE010701_18">#REF!</definedName>
    <definedName name="PRE010701_21">#REF!</definedName>
    <definedName name="PRE010701_22">#REF!</definedName>
    <definedName name="PRE010701_25">#REF!</definedName>
    <definedName name="PRE010701_26">#REF!</definedName>
    <definedName name="PRE010703_14">#REF!</definedName>
    <definedName name="PRE010703_18">#REF!</definedName>
    <definedName name="PRE010703_21">#REF!</definedName>
    <definedName name="PRE010703_22">#REF!</definedName>
    <definedName name="PRE010703_25">#REF!</definedName>
    <definedName name="PRE010703_26">#REF!</definedName>
    <definedName name="PRE010705_14">#REF!</definedName>
    <definedName name="PRE010705_18">#REF!</definedName>
    <definedName name="PRE010705_21">#REF!</definedName>
    <definedName name="PRE010705_22">#REF!</definedName>
    <definedName name="PRE010705_25">#REF!</definedName>
    <definedName name="PRE010705_26">#REF!</definedName>
    <definedName name="PRE010708_14">#REF!</definedName>
    <definedName name="PRE010708_18">#REF!</definedName>
    <definedName name="PRE010708_21">#REF!</definedName>
    <definedName name="PRE010708_22">#REF!</definedName>
    <definedName name="PRE010708_25">#REF!</definedName>
    <definedName name="PRE010708_26">#REF!</definedName>
    <definedName name="PRE010710_14">#REF!</definedName>
    <definedName name="PRE010710_18">#REF!</definedName>
    <definedName name="PRE010710_21">#REF!</definedName>
    <definedName name="PRE010710_22">#REF!</definedName>
    <definedName name="PRE010710_25">#REF!</definedName>
    <definedName name="PRE010710_26">#REF!</definedName>
    <definedName name="PRE010712_14">#REF!</definedName>
    <definedName name="PRE010712_18">#REF!</definedName>
    <definedName name="PRE010712_21">#REF!</definedName>
    <definedName name="PRE010712_22">#REF!</definedName>
    <definedName name="PRE010712_25">#REF!</definedName>
    <definedName name="PRE010712_26">#REF!</definedName>
    <definedName name="PRE010717_14">#REF!</definedName>
    <definedName name="PRE010717_18">#REF!</definedName>
    <definedName name="PRE010717_21">#REF!</definedName>
    <definedName name="PRE010717_22">#REF!</definedName>
    <definedName name="PRE010717_25">#REF!</definedName>
    <definedName name="PRE010717_26">#REF!</definedName>
    <definedName name="PRE010718_14">#REF!</definedName>
    <definedName name="PRE010718_18">#REF!</definedName>
    <definedName name="PRE010718_21">#REF!</definedName>
    <definedName name="PRE010718_22">#REF!</definedName>
    <definedName name="PRE010718_25">#REF!</definedName>
    <definedName name="PRE010718_26">#REF!</definedName>
    <definedName name="PRE020201_14">#REF!</definedName>
    <definedName name="PRE020201_18">#REF!</definedName>
    <definedName name="PRE020201_21">#REF!</definedName>
    <definedName name="PRE020201_22">#REF!</definedName>
    <definedName name="PRE020201_25">#REF!</definedName>
    <definedName name="PRE020201_26">#REF!</definedName>
    <definedName name="PRE020205_14">#REF!</definedName>
    <definedName name="PRE020205_18">#REF!</definedName>
    <definedName name="PRE020205_21">#REF!</definedName>
    <definedName name="PRE020205_22">#REF!</definedName>
    <definedName name="PRE020205_25">#REF!</definedName>
    <definedName name="PRE020205_26">#REF!</definedName>
    <definedName name="PRE020211_14">#REF!</definedName>
    <definedName name="PRE020211_18">#REF!</definedName>
    <definedName name="PRE020211_21">#REF!</definedName>
    <definedName name="PRE020211_22">#REF!</definedName>
    <definedName name="PRE020211_25">#REF!</definedName>
    <definedName name="PRE020211_26">#REF!</definedName>
    <definedName name="PRE020217_14">#REF!</definedName>
    <definedName name="PRE020217_18">#REF!</definedName>
    <definedName name="PRE020217_21">#REF!</definedName>
    <definedName name="PRE020217_22">#REF!</definedName>
    <definedName name="PRE020217_25">#REF!</definedName>
    <definedName name="PRE020217_26">#REF!</definedName>
    <definedName name="PRE030102_14">#REF!</definedName>
    <definedName name="PRE030102_18">#REF!</definedName>
    <definedName name="PRE030102_21">#REF!</definedName>
    <definedName name="PRE030102_22">#REF!</definedName>
    <definedName name="PRE030102_25">#REF!</definedName>
    <definedName name="PRE030102_26">#REF!</definedName>
    <definedName name="PRE030201_14">#REF!</definedName>
    <definedName name="PRE030201_18">#REF!</definedName>
    <definedName name="PRE030201_21">#REF!</definedName>
    <definedName name="PRE030201_22">#REF!</definedName>
    <definedName name="PRE030201_25">#REF!</definedName>
    <definedName name="PRE030201_26">#REF!</definedName>
    <definedName name="PRE030303_14">#REF!</definedName>
    <definedName name="PRE030303_18">#REF!</definedName>
    <definedName name="PRE030303_21">#REF!</definedName>
    <definedName name="PRE030303_22">#REF!</definedName>
    <definedName name="PRE030303_25">#REF!</definedName>
    <definedName name="PRE030303_26">#REF!</definedName>
    <definedName name="PRE030317_14">#REF!</definedName>
    <definedName name="PRE030317_18">#REF!</definedName>
    <definedName name="PRE030317_21">#REF!</definedName>
    <definedName name="PRE030317_22">#REF!</definedName>
    <definedName name="PRE030317_25">#REF!</definedName>
    <definedName name="PRE030317_26">#REF!</definedName>
    <definedName name="PRE040101_14">#REF!</definedName>
    <definedName name="PRE040101_18">#REF!</definedName>
    <definedName name="PRE040101_21">#REF!</definedName>
    <definedName name="PRE040101_22">#REF!</definedName>
    <definedName name="PRE040101_25">#REF!</definedName>
    <definedName name="PRE040101_26">#REF!</definedName>
    <definedName name="PRE040202_14">#REF!</definedName>
    <definedName name="PRE040202_18">#REF!</definedName>
    <definedName name="PRE040202_21">#REF!</definedName>
    <definedName name="PRE040202_22">#REF!</definedName>
    <definedName name="PRE040202_25">#REF!</definedName>
    <definedName name="PRE040202_26">#REF!</definedName>
    <definedName name="PRE050103_14">#REF!</definedName>
    <definedName name="PRE050103_18">#REF!</definedName>
    <definedName name="PRE050103_21">#REF!</definedName>
    <definedName name="PRE050103_22">#REF!</definedName>
    <definedName name="PRE050103_25">#REF!</definedName>
    <definedName name="PRE050103_26">#REF!</definedName>
    <definedName name="PRE050207_14">#REF!</definedName>
    <definedName name="PRE050207_18">#REF!</definedName>
    <definedName name="PRE050207_21">#REF!</definedName>
    <definedName name="PRE050207_22">#REF!</definedName>
    <definedName name="PRE050207_25">#REF!</definedName>
    <definedName name="PRE050207_26">#REF!</definedName>
    <definedName name="PRE060101_14">#REF!</definedName>
    <definedName name="PRE060101_18">#REF!</definedName>
    <definedName name="PRE060101_21">#REF!</definedName>
    <definedName name="PRE060101_22">#REF!</definedName>
    <definedName name="PRE060101_25">#REF!</definedName>
    <definedName name="PRE060101_26">#REF!</definedName>
    <definedName name="PRE080101_14">#REF!</definedName>
    <definedName name="PRE080101_18">#REF!</definedName>
    <definedName name="PRE080101_21">#REF!</definedName>
    <definedName name="PRE080101_22">#REF!</definedName>
    <definedName name="PRE080101_25">#REF!</definedName>
    <definedName name="PRE080101_26">#REF!</definedName>
    <definedName name="PRE080310_14">#REF!</definedName>
    <definedName name="PRE080310_18">#REF!</definedName>
    <definedName name="PRE080310_21">#REF!</definedName>
    <definedName name="PRE080310_22">#REF!</definedName>
    <definedName name="PRE080310_25">#REF!</definedName>
    <definedName name="PRE080310_26">#REF!</definedName>
    <definedName name="PRE090101_14">#REF!</definedName>
    <definedName name="PRE090101_18">#REF!</definedName>
    <definedName name="PRE090101_21">#REF!</definedName>
    <definedName name="PRE090101_22">#REF!</definedName>
    <definedName name="PRE090101_25">#REF!</definedName>
    <definedName name="PRE090101_26">#REF!</definedName>
    <definedName name="PRE100302_14">#REF!</definedName>
    <definedName name="PRE100302_18">#REF!</definedName>
    <definedName name="PRE100302_21">#REF!</definedName>
    <definedName name="PRE100302_22">#REF!</definedName>
    <definedName name="PRE100302_25">#REF!</definedName>
    <definedName name="PRE100302_26">#REF!</definedName>
    <definedName name="PRE110101_14">#REF!</definedName>
    <definedName name="PRE110101_18">#REF!</definedName>
    <definedName name="PRE110101_21">#REF!</definedName>
    <definedName name="PRE110101_22">#REF!</definedName>
    <definedName name="PRE110101_25">#REF!</definedName>
    <definedName name="PRE110101_26">#REF!</definedName>
    <definedName name="PRE110104_14">#REF!</definedName>
    <definedName name="PRE110104_18">#REF!</definedName>
    <definedName name="PRE110104_21">#REF!</definedName>
    <definedName name="PRE110104_22">#REF!</definedName>
    <definedName name="PRE110104_25">#REF!</definedName>
    <definedName name="PRE110104_26">#REF!</definedName>
    <definedName name="PRE110107_14">#REF!</definedName>
    <definedName name="PRE110107_18">#REF!</definedName>
    <definedName name="PRE110107_21">#REF!</definedName>
    <definedName name="PRE110107_22">#REF!</definedName>
    <definedName name="PRE110107_25">#REF!</definedName>
    <definedName name="PRE110107_26">#REF!</definedName>
    <definedName name="PRE120101_14">#REF!</definedName>
    <definedName name="PRE120101_18">#REF!</definedName>
    <definedName name="PRE120101_21">#REF!</definedName>
    <definedName name="PRE120101_22">#REF!</definedName>
    <definedName name="PRE120101_25">#REF!</definedName>
    <definedName name="PRE120101_26">#REF!</definedName>
    <definedName name="PRE120105_14">#REF!</definedName>
    <definedName name="PRE120105_18">#REF!</definedName>
    <definedName name="PRE120105_21">#REF!</definedName>
    <definedName name="PRE120105_22">#REF!</definedName>
    <definedName name="PRE120105_25">#REF!</definedName>
    <definedName name="PRE120105_26">#REF!</definedName>
    <definedName name="PRE120106_14">#REF!</definedName>
    <definedName name="PRE120106_18">#REF!</definedName>
    <definedName name="PRE120106_21">#REF!</definedName>
    <definedName name="PRE120106_22">#REF!</definedName>
    <definedName name="PRE120106_25">#REF!</definedName>
    <definedName name="PRE120106_26">#REF!</definedName>
    <definedName name="PRE120107_14">#REF!</definedName>
    <definedName name="PRE120107_18">#REF!</definedName>
    <definedName name="PRE120107_21">#REF!</definedName>
    <definedName name="PRE120107_22">#REF!</definedName>
    <definedName name="PRE120107_25">#REF!</definedName>
    <definedName name="PRE120107_26">#REF!</definedName>
    <definedName name="PRE120110_14">#REF!</definedName>
    <definedName name="PRE120110_18">#REF!</definedName>
    <definedName name="PRE120110_21">#REF!</definedName>
    <definedName name="PRE120110_22">#REF!</definedName>
    <definedName name="PRE120110_25">#REF!</definedName>
    <definedName name="PRE120110_26">#REF!</definedName>
    <definedName name="PRE120150_14">#REF!</definedName>
    <definedName name="PRE120150_18">#REF!</definedName>
    <definedName name="PRE120150_21">#REF!</definedName>
    <definedName name="PRE120150_22">#REF!</definedName>
    <definedName name="PRE120150_25">#REF!</definedName>
    <definedName name="PRE120150_26">#REF!</definedName>
    <definedName name="PRE130101_14">#REF!</definedName>
    <definedName name="PRE130101_18">#REF!</definedName>
    <definedName name="PRE130101_21">#REF!</definedName>
    <definedName name="PRE130101_22">#REF!</definedName>
    <definedName name="PRE130101_25">#REF!</definedName>
    <definedName name="PRE130101_26">#REF!</definedName>
    <definedName name="PRE130103_14">#REF!</definedName>
    <definedName name="PRE130103_18">#REF!</definedName>
    <definedName name="PRE130103_21">#REF!</definedName>
    <definedName name="PRE130103_22">#REF!</definedName>
    <definedName name="PRE130103_25">#REF!</definedName>
    <definedName name="PRE130103_26">#REF!</definedName>
    <definedName name="PRE130304_14">#REF!</definedName>
    <definedName name="PRE130304_18">#REF!</definedName>
    <definedName name="PRE130304_21">#REF!</definedName>
    <definedName name="PRE130304_22">#REF!</definedName>
    <definedName name="PRE130304_25">#REF!</definedName>
    <definedName name="PRE130304_26">#REF!</definedName>
    <definedName name="PRE130401_14">#REF!</definedName>
    <definedName name="PRE130401_18">#REF!</definedName>
    <definedName name="PRE130401_21">#REF!</definedName>
    <definedName name="PRE130401_22">#REF!</definedName>
    <definedName name="PRE130401_25">#REF!</definedName>
    <definedName name="PRE130401_26">#REF!</definedName>
    <definedName name="PRE140102_14">#REF!</definedName>
    <definedName name="PRE140102_18">#REF!</definedName>
    <definedName name="PRE140102_21">#REF!</definedName>
    <definedName name="PRE140102_22">#REF!</definedName>
    <definedName name="PRE140102_25">#REF!</definedName>
    <definedName name="PRE140102_26">#REF!</definedName>
    <definedName name="PRE140109_14">#REF!</definedName>
    <definedName name="PRE140109_18">#REF!</definedName>
    <definedName name="PRE140109_21">#REF!</definedName>
    <definedName name="PRE140109_22">#REF!</definedName>
    <definedName name="PRE140109_25">#REF!</definedName>
    <definedName name="PRE140109_26">#REF!</definedName>
    <definedName name="PRE140113_14">#REF!</definedName>
    <definedName name="PRE140113_18">#REF!</definedName>
    <definedName name="PRE140113_21">#REF!</definedName>
    <definedName name="PRE140113_22">#REF!</definedName>
    <definedName name="PRE140113_25">#REF!</definedName>
    <definedName name="PRE140113_26">#REF!</definedName>
    <definedName name="PRE140122_14">#REF!</definedName>
    <definedName name="PRE140122_18">#REF!</definedName>
    <definedName name="PRE140122_21">#REF!</definedName>
    <definedName name="PRE140122_22">#REF!</definedName>
    <definedName name="PRE140122_25">#REF!</definedName>
    <definedName name="PRE140122_26">#REF!</definedName>
    <definedName name="PRE140126_14">#REF!</definedName>
    <definedName name="PRE140126_18">#REF!</definedName>
    <definedName name="PRE140126_21">#REF!</definedName>
    <definedName name="PRE140126_22">#REF!</definedName>
    <definedName name="PRE140126_25">#REF!</definedName>
    <definedName name="PRE140126_26">#REF!</definedName>
    <definedName name="PRE140129_14">#REF!</definedName>
    <definedName name="PRE140129_18">#REF!</definedName>
    <definedName name="PRE140129_21">#REF!</definedName>
    <definedName name="PRE140129_22">#REF!</definedName>
    <definedName name="PRE140129_25">#REF!</definedName>
    <definedName name="PRE140129_26">#REF!</definedName>
    <definedName name="PRE140135_14">#REF!</definedName>
    <definedName name="PRE140135_18">#REF!</definedName>
    <definedName name="PRE140135_21">#REF!</definedName>
    <definedName name="PRE140135_22">#REF!</definedName>
    <definedName name="PRE140135_25">#REF!</definedName>
    <definedName name="PRE140135_26">#REF!</definedName>
    <definedName name="PRE140143_14">#REF!</definedName>
    <definedName name="PRE140143_18">#REF!</definedName>
    <definedName name="PRE140143_21">#REF!</definedName>
    <definedName name="PRE140143_22">#REF!</definedName>
    <definedName name="PRE140143_25">#REF!</definedName>
    <definedName name="PRE140143_26">#REF!</definedName>
    <definedName name="PRE140145_14">#REF!</definedName>
    <definedName name="PRE140145_18">#REF!</definedName>
    <definedName name="PRE140145_21">#REF!</definedName>
    <definedName name="PRE140145_22">#REF!</definedName>
    <definedName name="PRE140145_25">#REF!</definedName>
    <definedName name="PRE140145_26">#REF!</definedName>
    <definedName name="PRE150130_14">#REF!</definedName>
    <definedName name="PRE150130_18">#REF!</definedName>
    <definedName name="PRE150130_21">#REF!</definedName>
    <definedName name="PRE150130_22">#REF!</definedName>
    <definedName name="PRE150130_25">#REF!</definedName>
    <definedName name="PRE150130_26">#REF!</definedName>
    <definedName name="PRE170101_14">#REF!</definedName>
    <definedName name="PRE170101_18">#REF!</definedName>
    <definedName name="PRE170101_21">#REF!</definedName>
    <definedName name="PRE170101_22">#REF!</definedName>
    <definedName name="PRE170101_25">#REF!</definedName>
    <definedName name="PRE170101_26">#REF!</definedName>
    <definedName name="PRE170102_14">#REF!</definedName>
    <definedName name="PRE170102_18">#REF!</definedName>
    <definedName name="PRE170102_21">#REF!</definedName>
    <definedName name="PRE170102_22">#REF!</definedName>
    <definedName name="PRE170102_25">#REF!</definedName>
    <definedName name="PRE170102_26">#REF!</definedName>
    <definedName name="PRE170103_14">#REF!</definedName>
    <definedName name="PRE170103_18">#REF!</definedName>
    <definedName name="PRE170103_21">#REF!</definedName>
    <definedName name="PRE170103_22">#REF!</definedName>
    <definedName name="PRE170103_25">#REF!</definedName>
    <definedName name="PRE170103_26">#REF!</definedName>
    <definedName name="QUA010201_22">#REF!</definedName>
    <definedName name="QUA010201_25">#REF!</definedName>
    <definedName name="QUA010201_26">#REF!</definedName>
    <definedName name="QUA010202_22">#REF!</definedName>
    <definedName name="QUA010202_25">#REF!</definedName>
    <definedName name="QUA010202_26">#REF!</definedName>
    <definedName name="QUA010205_22">#REF!</definedName>
    <definedName name="QUA010205_25">#REF!</definedName>
    <definedName name="QUA010205_26">#REF!</definedName>
    <definedName name="QUA010206_22">#REF!</definedName>
    <definedName name="QUA010206_25">#REF!</definedName>
    <definedName name="QUA010206_26">#REF!</definedName>
    <definedName name="QUA010210_22">#REF!</definedName>
    <definedName name="QUA010210_25">#REF!</definedName>
    <definedName name="QUA010210_26">#REF!</definedName>
    <definedName name="QUA010301_22">#REF!</definedName>
    <definedName name="QUA010301_25">#REF!</definedName>
    <definedName name="QUA010301_26">#REF!</definedName>
    <definedName name="QUA010401_22">#REF!</definedName>
    <definedName name="QUA010401_25">#REF!</definedName>
    <definedName name="QUA010401_26">#REF!</definedName>
    <definedName name="QUA010402_22">#REF!</definedName>
    <definedName name="QUA010402_25">#REF!</definedName>
    <definedName name="QUA010402_26">#REF!</definedName>
    <definedName name="QUA010407_22">#REF!</definedName>
    <definedName name="QUA010407_25">#REF!</definedName>
    <definedName name="QUA010407_26">#REF!</definedName>
    <definedName name="QUA010413_22">#REF!</definedName>
    <definedName name="QUA010413_25">#REF!</definedName>
    <definedName name="QUA010413_26">#REF!</definedName>
    <definedName name="QUA010501_22">#REF!</definedName>
    <definedName name="QUA010501_25">#REF!</definedName>
    <definedName name="QUA010501_26">#REF!</definedName>
    <definedName name="QUA010503_22">#REF!</definedName>
    <definedName name="QUA010503_25">#REF!</definedName>
    <definedName name="QUA010503_26">#REF!</definedName>
    <definedName name="QUA010505_22">#REF!</definedName>
    <definedName name="QUA010505_25">#REF!</definedName>
    <definedName name="QUA010505_26">#REF!</definedName>
    <definedName name="QUA010509_22">#REF!</definedName>
    <definedName name="QUA010509_25">#REF!</definedName>
    <definedName name="QUA010509_26">#REF!</definedName>
    <definedName name="QUA010512_22">#REF!</definedName>
    <definedName name="QUA010512_25">#REF!</definedName>
    <definedName name="QUA010512_26">#REF!</definedName>
    <definedName name="QUA010518_22">#REF!</definedName>
    <definedName name="QUA010518_25">#REF!</definedName>
    <definedName name="QUA010518_26">#REF!</definedName>
    <definedName name="QUA010519_22">#REF!</definedName>
    <definedName name="QUA010519_25">#REF!</definedName>
    <definedName name="QUA010519_26">#REF!</definedName>
    <definedName name="QUA010521_22">#REF!</definedName>
    <definedName name="QUA010521_25">#REF!</definedName>
    <definedName name="QUA010521_26">#REF!</definedName>
    <definedName name="QUA010523_22">#REF!</definedName>
    <definedName name="QUA010523_25">#REF!</definedName>
    <definedName name="QUA010523_26">#REF!</definedName>
    <definedName name="QUA010532_22">#REF!</definedName>
    <definedName name="QUA010532_25">#REF!</definedName>
    <definedName name="QUA010532_26">#REF!</definedName>
    <definedName name="QUA010533_22">#REF!</definedName>
    <definedName name="QUA010533_25">#REF!</definedName>
    <definedName name="QUA010533_26">#REF!</definedName>
    <definedName name="QUA010536_22">#REF!</definedName>
    <definedName name="QUA010536_25">#REF!</definedName>
    <definedName name="QUA010536_26">#REF!</definedName>
    <definedName name="QUA010701_22">#REF!</definedName>
    <definedName name="QUA010701_25">#REF!</definedName>
    <definedName name="QUA010701_26">#REF!</definedName>
    <definedName name="QUA010703_22">#REF!</definedName>
    <definedName name="QUA010703_25">#REF!</definedName>
    <definedName name="QUA010703_26">#REF!</definedName>
    <definedName name="QUA010705_22">#REF!</definedName>
    <definedName name="QUA010705_25">#REF!</definedName>
    <definedName name="QUA010705_26">#REF!</definedName>
    <definedName name="QUA010708_22">#REF!</definedName>
    <definedName name="QUA010708_25">#REF!</definedName>
    <definedName name="QUA010708_26">#REF!</definedName>
    <definedName name="QUA010710_22">#REF!</definedName>
    <definedName name="QUA010710_25">#REF!</definedName>
    <definedName name="QUA010710_26">#REF!</definedName>
    <definedName name="QUA010712_22">#REF!</definedName>
    <definedName name="QUA010712_25">#REF!</definedName>
    <definedName name="QUA010712_26">#REF!</definedName>
    <definedName name="QUA010717_22">#REF!</definedName>
    <definedName name="QUA010717_25">#REF!</definedName>
    <definedName name="QUA010717_26">#REF!</definedName>
    <definedName name="QUA010718_22">#REF!</definedName>
    <definedName name="QUA010718_25">#REF!</definedName>
    <definedName name="QUA010718_26">#REF!</definedName>
    <definedName name="QUA020201_22">#REF!</definedName>
    <definedName name="QUA020201_25">#REF!</definedName>
    <definedName name="QUA020201_26">#REF!</definedName>
    <definedName name="QUA020205_22">#REF!</definedName>
    <definedName name="QUA020205_25">#REF!</definedName>
    <definedName name="QUA020205_26">#REF!</definedName>
    <definedName name="QUA020211_22">#REF!</definedName>
    <definedName name="QUA020211_25">#REF!</definedName>
    <definedName name="QUA020211_26">#REF!</definedName>
    <definedName name="QUA020217_22">#REF!</definedName>
    <definedName name="QUA020217_25">#REF!</definedName>
    <definedName name="QUA020217_26">#REF!</definedName>
    <definedName name="QUA030102_22">#REF!</definedName>
    <definedName name="QUA030102_25">#REF!</definedName>
    <definedName name="QUA030102_26">#REF!</definedName>
    <definedName name="QUA030201_22">#REF!</definedName>
    <definedName name="QUA030201_25">#REF!</definedName>
    <definedName name="QUA030201_26">#REF!</definedName>
    <definedName name="QUA030303_22">#REF!</definedName>
    <definedName name="QUA030303_25">#REF!</definedName>
    <definedName name="QUA030303_26">#REF!</definedName>
    <definedName name="QUA030317_22">#REF!</definedName>
    <definedName name="QUA030317_25">#REF!</definedName>
    <definedName name="QUA030317_26">#REF!</definedName>
    <definedName name="QUA040101_22">#REF!</definedName>
    <definedName name="QUA040101_25">#REF!</definedName>
    <definedName name="QUA040101_26">#REF!</definedName>
    <definedName name="QUA040202_22">#REF!</definedName>
    <definedName name="QUA040202_25">#REF!</definedName>
    <definedName name="QUA040202_26">#REF!</definedName>
    <definedName name="QUA050103_22">#REF!</definedName>
    <definedName name="QUA050103_25">#REF!</definedName>
    <definedName name="QUA050103_26">#REF!</definedName>
    <definedName name="QUA050207_22">#REF!</definedName>
    <definedName name="QUA050207_25">#REF!</definedName>
    <definedName name="QUA050207_26">#REF!</definedName>
    <definedName name="QUA060101_22">#REF!</definedName>
    <definedName name="QUA060101_25">#REF!</definedName>
    <definedName name="QUA060101_26">#REF!</definedName>
    <definedName name="QUA080101_22">#REF!</definedName>
    <definedName name="QUA080101_25">#REF!</definedName>
    <definedName name="QUA080101_26">#REF!</definedName>
    <definedName name="QUA080310_22">#REF!</definedName>
    <definedName name="QUA080310_25">#REF!</definedName>
    <definedName name="QUA080310_26">#REF!</definedName>
    <definedName name="QUA090101_22">#REF!</definedName>
    <definedName name="QUA090101_25">#REF!</definedName>
    <definedName name="QUA090101_26">#REF!</definedName>
    <definedName name="QUA100302_22">#REF!</definedName>
    <definedName name="QUA100302_25">#REF!</definedName>
    <definedName name="QUA100302_26">#REF!</definedName>
    <definedName name="QUA110101_22">#REF!</definedName>
    <definedName name="QUA110101_25">#REF!</definedName>
    <definedName name="QUA110101_26">#REF!</definedName>
    <definedName name="QUA110104_22">#REF!</definedName>
    <definedName name="QUA110104_25">#REF!</definedName>
    <definedName name="QUA110104_26">#REF!</definedName>
    <definedName name="QUA110107_22">#REF!</definedName>
    <definedName name="QUA110107_25">#REF!</definedName>
    <definedName name="QUA110107_26">#REF!</definedName>
    <definedName name="QUA120101_22">#REF!</definedName>
    <definedName name="QUA120101_25">#REF!</definedName>
    <definedName name="QUA120101_26">#REF!</definedName>
    <definedName name="QUA120105_22">#REF!</definedName>
    <definedName name="QUA120105_25">#REF!</definedName>
    <definedName name="QUA120105_26">#REF!</definedName>
    <definedName name="QUA120106_22">#REF!</definedName>
    <definedName name="QUA120106_25">#REF!</definedName>
    <definedName name="QUA120106_26">#REF!</definedName>
    <definedName name="QUA120107_22">#REF!</definedName>
    <definedName name="QUA120107_25">#REF!</definedName>
    <definedName name="QUA120107_26">#REF!</definedName>
    <definedName name="QUA120110_22">#REF!</definedName>
    <definedName name="QUA120110_25">#REF!</definedName>
    <definedName name="QUA120110_26">#REF!</definedName>
    <definedName name="QUA120150_14">#REF!</definedName>
    <definedName name="QUA120150_18">#REF!</definedName>
    <definedName name="QUA120150_21">#REF!</definedName>
    <definedName name="QUA120150_22">#REF!</definedName>
    <definedName name="QUA120150_25">#REF!</definedName>
    <definedName name="QUA120150_26">#REF!</definedName>
    <definedName name="QUA130101_14">#REF!</definedName>
    <definedName name="QUA130101_18">#REF!</definedName>
    <definedName name="QUA130101_21">#REF!</definedName>
    <definedName name="QUA130101_22">#REF!</definedName>
    <definedName name="QUA130101_25">#REF!</definedName>
    <definedName name="QUA130101_26">#REF!</definedName>
    <definedName name="QUA130103_14">#REF!</definedName>
    <definedName name="QUA130103_18">#REF!</definedName>
    <definedName name="QUA130103_21">#REF!</definedName>
    <definedName name="QUA130103_22">#REF!</definedName>
    <definedName name="QUA130103_25">#REF!</definedName>
    <definedName name="QUA130103_26">#REF!</definedName>
    <definedName name="QUA130304_14">#REF!</definedName>
    <definedName name="QUA130304_18">#REF!</definedName>
    <definedName name="QUA130304_21">#REF!</definedName>
    <definedName name="QUA130304_22">#REF!</definedName>
    <definedName name="QUA130304_25">#REF!</definedName>
    <definedName name="QUA130304_26">#REF!</definedName>
    <definedName name="QUA130401_14">#REF!</definedName>
    <definedName name="QUA130401_18">#REF!</definedName>
    <definedName name="QUA130401_21">#REF!</definedName>
    <definedName name="QUA130401_22">#REF!</definedName>
    <definedName name="QUA130401_25">#REF!</definedName>
    <definedName name="QUA130401_26">#REF!</definedName>
    <definedName name="QUA140102_14">#REF!</definedName>
    <definedName name="QUA140102_18">#REF!</definedName>
    <definedName name="QUA140102_21">#REF!</definedName>
    <definedName name="QUA140102_22">#REF!</definedName>
    <definedName name="QUA140102_25">#REF!</definedName>
    <definedName name="QUA140102_26">#REF!</definedName>
    <definedName name="QUA140109_14">#REF!</definedName>
    <definedName name="QUA140109_18">#REF!</definedName>
    <definedName name="QUA140109_21">#REF!</definedName>
    <definedName name="QUA140109_22">#REF!</definedName>
    <definedName name="QUA140109_25">#REF!</definedName>
    <definedName name="QUA140109_26">#REF!</definedName>
    <definedName name="QUA140113_14">#REF!</definedName>
    <definedName name="QUA140113_18">#REF!</definedName>
    <definedName name="QUA140113_21">#REF!</definedName>
    <definedName name="QUA140113_22">#REF!</definedName>
    <definedName name="QUA140113_25">#REF!</definedName>
    <definedName name="QUA140113_26">#REF!</definedName>
    <definedName name="QUA140122_14">#REF!</definedName>
    <definedName name="QUA140122_18">#REF!</definedName>
    <definedName name="QUA140122_21">#REF!</definedName>
    <definedName name="QUA140122_22">#REF!</definedName>
    <definedName name="QUA140122_25">#REF!</definedName>
    <definedName name="QUA140122_26">#REF!</definedName>
    <definedName name="QUA140126_14">#REF!</definedName>
    <definedName name="QUA140126_18">#REF!</definedName>
    <definedName name="QUA140126_21">#REF!</definedName>
    <definedName name="QUA140126_22">#REF!</definedName>
    <definedName name="QUA140126_25">#REF!</definedName>
    <definedName name="QUA140126_26">#REF!</definedName>
    <definedName name="QUA140129_14">#REF!</definedName>
    <definedName name="QUA140129_18">#REF!</definedName>
    <definedName name="QUA140129_21">#REF!</definedName>
    <definedName name="QUA140129_22">#REF!</definedName>
    <definedName name="QUA140129_25">#REF!</definedName>
    <definedName name="QUA140129_26">#REF!</definedName>
    <definedName name="QUA140135_14">#REF!</definedName>
    <definedName name="QUA140135_18">#REF!</definedName>
    <definedName name="QUA140135_21">#REF!</definedName>
    <definedName name="QUA140135_22">#REF!</definedName>
    <definedName name="QUA140135_25">#REF!</definedName>
    <definedName name="QUA140135_26">#REF!</definedName>
    <definedName name="QUA140143_14">#REF!</definedName>
    <definedName name="QUA140143_18">#REF!</definedName>
    <definedName name="QUA140143_21">#REF!</definedName>
    <definedName name="QUA140143_22">#REF!</definedName>
    <definedName name="QUA140143_25">#REF!</definedName>
    <definedName name="QUA140143_26">#REF!</definedName>
    <definedName name="QUA140145_14">#REF!</definedName>
    <definedName name="QUA140145_18">#REF!</definedName>
    <definedName name="QUA140145_21">#REF!</definedName>
    <definedName name="QUA140145_22">#REF!</definedName>
    <definedName name="QUA140145_25">#REF!</definedName>
    <definedName name="QUA140145_26">#REF!</definedName>
    <definedName name="QUA150130_14">#REF!</definedName>
    <definedName name="QUA150130_18">#REF!</definedName>
    <definedName name="QUA150130_21">#REF!</definedName>
    <definedName name="QUA150130_22">#REF!</definedName>
    <definedName name="QUA150130_25">#REF!</definedName>
    <definedName name="QUA150130_26">#REF!</definedName>
    <definedName name="QUA170101_14">#REF!</definedName>
    <definedName name="QUA170101_18">#REF!</definedName>
    <definedName name="QUA170101_21">#REF!</definedName>
    <definedName name="QUA170101_22">#REF!</definedName>
    <definedName name="QUA170101_25">#REF!</definedName>
    <definedName name="QUA170101_26">#REF!</definedName>
    <definedName name="QUA170102_14">#REF!</definedName>
    <definedName name="QUA170102_18">#REF!</definedName>
    <definedName name="QUA170102_21">#REF!</definedName>
    <definedName name="QUA170102_22">#REF!</definedName>
    <definedName name="QUA170102_25">#REF!</definedName>
    <definedName name="QUA170102_26">#REF!</definedName>
    <definedName name="QUA170103_14">#REF!</definedName>
    <definedName name="QUA170103_18">#REF!</definedName>
    <definedName name="QUA170103_21">#REF!</definedName>
    <definedName name="QUA170103_22">#REF!</definedName>
    <definedName name="QUA170103_25">#REF!</definedName>
    <definedName name="QUA170103_26">#REF!</definedName>
    <definedName name="QUANT_acumu">#REF!</definedName>
    <definedName name="QUANT_acumu_18">#REF!</definedName>
    <definedName name="QUANT_acumu_22">#REF!</definedName>
    <definedName name="R_14">#REF!</definedName>
    <definedName name="R_16">#REF!</definedName>
    <definedName name="R_18">#REF!</definedName>
    <definedName name="R_18_1">#REF!</definedName>
    <definedName name="R_19">#REF!</definedName>
    <definedName name="R_21">#REF!</definedName>
    <definedName name="R_22">#REF!</definedName>
    <definedName name="R_25">#REF!</definedName>
    <definedName name="rea">#REF!</definedName>
    <definedName name="REC11100_22">#REF!</definedName>
    <definedName name="REC11100_25">#REF!</definedName>
    <definedName name="REC11100_26">#REF!</definedName>
    <definedName name="REC11110_22">#REF!</definedName>
    <definedName name="REC11110_25">#REF!</definedName>
    <definedName name="REC11110_26">#REF!</definedName>
    <definedName name="REC11115_22">#REF!</definedName>
    <definedName name="REC11115_25">#REF!</definedName>
    <definedName name="REC11115_26">#REF!</definedName>
    <definedName name="REC11125_22">#REF!</definedName>
    <definedName name="REC11125_25">#REF!</definedName>
    <definedName name="REC11125_26">#REF!</definedName>
    <definedName name="REC11130_22">#REF!</definedName>
    <definedName name="REC11130_25">#REF!</definedName>
    <definedName name="REC11130_26">#REF!</definedName>
    <definedName name="REC11135_22">#REF!</definedName>
    <definedName name="REC11135_25">#REF!</definedName>
    <definedName name="REC11135_26">#REF!</definedName>
    <definedName name="REC11145_22">#REF!</definedName>
    <definedName name="REC11145_25">#REF!</definedName>
    <definedName name="REC11145_26">#REF!</definedName>
    <definedName name="REC11150_22">#REF!</definedName>
    <definedName name="REC11150_25">#REF!</definedName>
    <definedName name="REC11150_26">#REF!</definedName>
    <definedName name="REC11165_22">#REF!</definedName>
    <definedName name="REC11165_25">#REF!</definedName>
    <definedName name="REC11165_26">#REF!</definedName>
    <definedName name="REC11170_22">#REF!</definedName>
    <definedName name="REC11170_25">#REF!</definedName>
    <definedName name="REC11170_26">#REF!</definedName>
    <definedName name="REC11180_22">#REF!</definedName>
    <definedName name="REC11180_25">#REF!</definedName>
    <definedName name="REC11180_26">#REF!</definedName>
    <definedName name="REC11185_22">#REF!</definedName>
    <definedName name="REC11185_25">#REF!</definedName>
    <definedName name="REC11185_26">#REF!</definedName>
    <definedName name="REC11220_22">#REF!</definedName>
    <definedName name="REC11220_25">#REF!</definedName>
    <definedName name="REC11220_26">#REF!</definedName>
    <definedName name="REC12105_22">#REF!</definedName>
    <definedName name="REC12105_25">#REF!</definedName>
    <definedName name="REC12105_26">#REF!</definedName>
    <definedName name="REC12555_22">#REF!</definedName>
    <definedName name="REC12555_25">#REF!</definedName>
    <definedName name="REC12555_26">#REF!</definedName>
    <definedName name="REC12570_22">#REF!</definedName>
    <definedName name="REC12570_25">#REF!</definedName>
    <definedName name="REC12570_26">#REF!</definedName>
    <definedName name="REC12575_22">#REF!</definedName>
    <definedName name="REC12575_25">#REF!</definedName>
    <definedName name="REC12575_26">#REF!</definedName>
    <definedName name="REC12580_22">#REF!</definedName>
    <definedName name="REC12580_25">#REF!</definedName>
    <definedName name="REC12580_26">#REF!</definedName>
    <definedName name="REC12600_22">#REF!</definedName>
    <definedName name="REC12600_25">#REF!</definedName>
    <definedName name="REC12600_26">#REF!</definedName>
    <definedName name="REC12610_22">#REF!</definedName>
    <definedName name="REC12610_25">#REF!</definedName>
    <definedName name="REC12610_26">#REF!</definedName>
    <definedName name="REC12630_22">#REF!</definedName>
    <definedName name="REC12630_25">#REF!</definedName>
    <definedName name="REC12630_26">#REF!</definedName>
    <definedName name="REC12631_22">#REF!</definedName>
    <definedName name="REC12631_25">#REF!</definedName>
    <definedName name="REC12631_26">#REF!</definedName>
    <definedName name="REC12640_22">#REF!</definedName>
    <definedName name="REC12640_25">#REF!</definedName>
    <definedName name="REC12640_26">#REF!</definedName>
    <definedName name="REC12645_22">#REF!</definedName>
    <definedName name="REC12645_25">#REF!</definedName>
    <definedName name="REC12645_26">#REF!</definedName>
    <definedName name="REC12665_22">#REF!</definedName>
    <definedName name="REC12665_25">#REF!</definedName>
    <definedName name="REC12665_26">#REF!</definedName>
    <definedName name="REC12690_22">#REF!</definedName>
    <definedName name="REC12690_25">#REF!</definedName>
    <definedName name="REC12690_26">#REF!</definedName>
    <definedName name="REC12700_22">#REF!</definedName>
    <definedName name="REC12700_25">#REF!</definedName>
    <definedName name="REC12700_26">#REF!</definedName>
    <definedName name="REC12710_22">#REF!</definedName>
    <definedName name="REC12710_25">#REF!</definedName>
    <definedName name="REC12710_26">#REF!</definedName>
    <definedName name="REC13111_22">#REF!</definedName>
    <definedName name="REC13111_25">#REF!</definedName>
    <definedName name="REC13111_26">#REF!</definedName>
    <definedName name="REC13112_14">#REF!</definedName>
    <definedName name="REC13112_16">#REF!</definedName>
    <definedName name="REC13112_18">#REF!</definedName>
    <definedName name="REC13112_18_1">#REF!</definedName>
    <definedName name="REC13112_19">#REF!</definedName>
    <definedName name="REC13112_21">#REF!</definedName>
    <definedName name="REC13112_22">#REF!</definedName>
    <definedName name="REC13112_25">#REF!</definedName>
    <definedName name="REC13112_26">#REF!</definedName>
    <definedName name="REC13121_22">#REF!</definedName>
    <definedName name="REC13121_25">#REF!</definedName>
    <definedName name="REC13121_26">#REF!</definedName>
    <definedName name="REC13720_22">#REF!</definedName>
    <definedName name="REC13720_25">#REF!</definedName>
    <definedName name="REC13720_26">#REF!</definedName>
    <definedName name="REC14100_22">#REF!</definedName>
    <definedName name="REC14100_25">#REF!</definedName>
    <definedName name="REC14100_26">#REF!</definedName>
    <definedName name="REC14161_22">#REF!</definedName>
    <definedName name="REC14161_25">#REF!</definedName>
    <definedName name="REC14161_26">#REF!</definedName>
    <definedName name="REC14195_22">#REF!</definedName>
    <definedName name="REC14195_25">#REF!</definedName>
    <definedName name="REC14195_26">#REF!</definedName>
    <definedName name="REC14205_22">#REF!</definedName>
    <definedName name="REC14205_25">#REF!</definedName>
    <definedName name="REC14205_26">#REF!</definedName>
    <definedName name="REC14260_22">#REF!</definedName>
    <definedName name="REC14260_25">#REF!</definedName>
    <definedName name="REC14260_26">#REF!</definedName>
    <definedName name="REC14500_22">#REF!</definedName>
    <definedName name="REC14500_25">#REF!</definedName>
    <definedName name="REC14500_26">#REF!</definedName>
    <definedName name="REC14515_22">#REF!</definedName>
    <definedName name="REC14515_25">#REF!</definedName>
    <definedName name="REC14515_26">#REF!</definedName>
    <definedName name="REC14555_22">#REF!</definedName>
    <definedName name="REC14555_25">#REF!</definedName>
    <definedName name="REC14555_26">#REF!</definedName>
    <definedName name="REC14565_22">#REF!</definedName>
    <definedName name="REC14565_25">#REF!</definedName>
    <definedName name="REC14565_26">#REF!</definedName>
    <definedName name="REC15135_22">#REF!</definedName>
    <definedName name="REC15135_25">#REF!</definedName>
    <definedName name="REC15135_26">#REF!</definedName>
    <definedName name="REC15140_22">#REF!</definedName>
    <definedName name="REC15140_25">#REF!</definedName>
    <definedName name="REC15140_26">#REF!</definedName>
    <definedName name="REC15195_22">#REF!</definedName>
    <definedName name="REC15195_25">#REF!</definedName>
    <definedName name="REC15195_26">#REF!</definedName>
    <definedName name="REC15225_22">#REF!</definedName>
    <definedName name="REC15225_25">#REF!</definedName>
    <definedName name="REC15225_26">#REF!</definedName>
    <definedName name="REC15230_22">#REF!</definedName>
    <definedName name="REC15230_25">#REF!</definedName>
    <definedName name="REC15230_26">#REF!</definedName>
    <definedName name="REC15515_22">#REF!</definedName>
    <definedName name="REC15515_25">#REF!</definedName>
    <definedName name="REC15515_26">#REF!</definedName>
    <definedName name="REC15560_22">#REF!</definedName>
    <definedName name="REC15560_25">#REF!</definedName>
    <definedName name="REC15560_26">#REF!</definedName>
    <definedName name="REC15565_22">#REF!</definedName>
    <definedName name="REC15565_25">#REF!</definedName>
    <definedName name="REC15565_26">#REF!</definedName>
    <definedName name="REC15570_22">#REF!</definedName>
    <definedName name="REC15570_25">#REF!</definedName>
    <definedName name="REC15570_26">#REF!</definedName>
    <definedName name="REC15575_22">#REF!</definedName>
    <definedName name="REC15575_25">#REF!</definedName>
    <definedName name="REC15575_26">#REF!</definedName>
    <definedName name="REC15583_22">#REF!</definedName>
    <definedName name="REC15583_25">#REF!</definedName>
    <definedName name="REC15583_26">#REF!</definedName>
    <definedName name="REC15590_22">#REF!</definedName>
    <definedName name="REC15590_25">#REF!</definedName>
    <definedName name="REC15590_26">#REF!</definedName>
    <definedName name="REC15591_22">#REF!</definedName>
    <definedName name="REC15591_25">#REF!</definedName>
    <definedName name="REC15591_26">#REF!</definedName>
    <definedName name="REC15610_22">#REF!</definedName>
    <definedName name="REC15610_25">#REF!</definedName>
    <definedName name="REC15610_26">#REF!</definedName>
    <definedName name="REC15625_22">#REF!</definedName>
    <definedName name="REC15625_25">#REF!</definedName>
    <definedName name="REC15625_26">#REF!</definedName>
    <definedName name="REC15635_22">#REF!</definedName>
    <definedName name="REC15635_25">#REF!</definedName>
    <definedName name="REC15635_26">#REF!</definedName>
    <definedName name="REC15655_22">#REF!</definedName>
    <definedName name="REC15655_25">#REF!</definedName>
    <definedName name="REC15655_26">#REF!</definedName>
    <definedName name="REC15665_22">#REF!</definedName>
    <definedName name="REC15665_25">#REF!</definedName>
    <definedName name="REC15665_26">#REF!</definedName>
    <definedName name="REC16515_22">#REF!</definedName>
    <definedName name="REC16515_25">#REF!</definedName>
    <definedName name="REC16515_26">#REF!</definedName>
    <definedName name="REC16535_22">#REF!</definedName>
    <definedName name="REC16535_25">#REF!</definedName>
    <definedName name="REC16535_26">#REF!</definedName>
    <definedName name="REC17140_22">#REF!</definedName>
    <definedName name="REC17140_25">#REF!</definedName>
    <definedName name="REC17140_26">#REF!</definedName>
    <definedName name="REC19500_22">#REF!</definedName>
    <definedName name="REC19500_25">#REF!</definedName>
    <definedName name="REC19500_26">#REF!</definedName>
    <definedName name="REC19501_22">#REF!</definedName>
    <definedName name="REC19501_25">#REF!</definedName>
    <definedName name="REC19501_26">#REF!</definedName>
    <definedName name="REC19502_22">#REF!</definedName>
    <definedName name="REC19502_25">#REF!</definedName>
    <definedName name="REC19502_26">#REF!</definedName>
    <definedName name="REC19503_22">#REF!</definedName>
    <definedName name="REC19503_25">#REF!</definedName>
    <definedName name="REC19503_26">#REF!</definedName>
    <definedName name="REC19504_22">#REF!</definedName>
    <definedName name="REC19504_25">#REF!</definedName>
    <definedName name="REC19504_26">#REF!</definedName>
    <definedName name="REC19505_22">#REF!</definedName>
    <definedName name="REC19505_25">#REF!</definedName>
    <definedName name="REC19505_26">#REF!</definedName>
    <definedName name="REC20100_22">#REF!</definedName>
    <definedName name="REC20100_25">#REF!</definedName>
    <definedName name="REC20100_26">#REF!</definedName>
    <definedName name="REC20105_14">#REF!</definedName>
    <definedName name="REC20105_18">#REF!</definedName>
    <definedName name="REC20105_21">#REF!</definedName>
    <definedName name="REC20105_22">#REF!</definedName>
    <definedName name="REC20105_25">#REF!</definedName>
    <definedName name="REC20105_26">#REF!</definedName>
    <definedName name="REC20110_14">#REF!</definedName>
    <definedName name="REC20110_18">#REF!</definedName>
    <definedName name="REC20110_21">#REF!</definedName>
    <definedName name="REC20110_22">#REF!</definedName>
    <definedName name="REC20110_25">#REF!</definedName>
    <definedName name="REC20110_26">#REF!</definedName>
    <definedName name="REC20115_14">#REF!</definedName>
    <definedName name="REC20115_18">#REF!</definedName>
    <definedName name="REC20115_21">#REF!</definedName>
    <definedName name="REC20115_22">#REF!</definedName>
    <definedName name="REC20115_25">#REF!</definedName>
    <definedName name="REC20115_26">#REF!</definedName>
    <definedName name="REC20130_14">#REF!</definedName>
    <definedName name="REC20130_18">#REF!</definedName>
    <definedName name="REC20130_21">#REF!</definedName>
    <definedName name="REC20130_22">#REF!</definedName>
    <definedName name="REC20130_25">#REF!</definedName>
    <definedName name="REC20130_26">#REF!</definedName>
    <definedName name="REC20135_14">#REF!</definedName>
    <definedName name="REC20135_18">#REF!</definedName>
    <definedName name="REC20135_21">#REF!</definedName>
    <definedName name="REC20135_22">#REF!</definedName>
    <definedName name="REC20135_25">#REF!</definedName>
    <definedName name="REC20135_26">#REF!</definedName>
    <definedName name="REC20140_14">#REF!</definedName>
    <definedName name="REC20140_18">#REF!</definedName>
    <definedName name="REC20140_21">#REF!</definedName>
    <definedName name="REC20140_22">#REF!</definedName>
    <definedName name="REC20140_25">#REF!</definedName>
    <definedName name="REC20140_26">#REF!</definedName>
    <definedName name="REC20145_14">#REF!</definedName>
    <definedName name="REC20145_18">#REF!</definedName>
    <definedName name="REC20145_21">#REF!</definedName>
    <definedName name="REC20145_22">#REF!</definedName>
    <definedName name="REC20145_25">#REF!</definedName>
    <definedName name="REC20145_26">#REF!</definedName>
    <definedName name="REC20150_14">#REF!</definedName>
    <definedName name="REC20150_18">#REF!</definedName>
    <definedName name="REC20150_21">#REF!</definedName>
    <definedName name="REC20150_22">#REF!</definedName>
    <definedName name="REC20150_25">#REF!</definedName>
    <definedName name="REC20150_26">#REF!</definedName>
    <definedName name="REC20155_14">#REF!</definedName>
    <definedName name="REC20155_18">#REF!</definedName>
    <definedName name="REC20155_21">#REF!</definedName>
    <definedName name="REC20155_22">#REF!</definedName>
    <definedName name="REC20155_25">#REF!</definedName>
    <definedName name="REC20155_26">#REF!</definedName>
    <definedName name="REC20175_14">#REF!</definedName>
    <definedName name="REC20175_18">#REF!</definedName>
    <definedName name="REC20175_21">#REF!</definedName>
    <definedName name="REC20175_22">#REF!</definedName>
    <definedName name="REC20175_25">#REF!</definedName>
    <definedName name="REC20175_26">#REF!</definedName>
    <definedName name="REC20185_14">#REF!</definedName>
    <definedName name="REC20185_18">#REF!</definedName>
    <definedName name="REC20185_21">#REF!</definedName>
    <definedName name="REC20185_22">#REF!</definedName>
    <definedName name="REC20185_25">#REF!</definedName>
    <definedName name="REC20185_26">#REF!</definedName>
    <definedName name="REC20190_14">#REF!</definedName>
    <definedName name="REC20190_18">#REF!</definedName>
    <definedName name="REC20190_21">#REF!</definedName>
    <definedName name="REC20190_22">#REF!</definedName>
    <definedName name="REC20190_25">#REF!</definedName>
    <definedName name="REC20190_26">#REF!</definedName>
    <definedName name="REC20195_14">#REF!</definedName>
    <definedName name="REC20195_18">#REF!</definedName>
    <definedName name="REC20195_21">#REF!</definedName>
    <definedName name="REC20195_22">#REF!</definedName>
    <definedName name="REC20195_25">#REF!</definedName>
    <definedName name="REC20195_26">#REF!</definedName>
    <definedName name="REC20210_14">#REF!</definedName>
    <definedName name="REC20210_18">#REF!</definedName>
    <definedName name="REC20210_21">#REF!</definedName>
    <definedName name="REC20210_22">#REF!</definedName>
    <definedName name="REC20210_25">#REF!</definedName>
    <definedName name="REC20210_26">#REF!</definedName>
    <definedName name="REGULA">[1]Regula!$M$36</definedName>
    <definedName name="REGULA_16">[3]Regula!$M$36</definedName>
    <definedName name="REGULA_18">[3]Regula!$M$36</definedName>
    <definedName name="REGULA_18_1">[3]Regula!$M$36</definedName>
    <definedName name="REGULA_19">[3]Regula!$M$36</definedName>
    <definedName name="REGULA_22">[1]Regula!$M$36</definedName>
    <definedName name="resumo">#REF!</definedName>
    <definedName name="resumo_14">#REF!</definedName>
    <definedName name="resumo_16">#REF!</definedName>
    <definedName name="resumo_16_1">#REF!</definedName>
    <definedName name="resumo_18">#REF!</definedName>
    <definedName name="resumo_18_1">#REF!</definedName>
    <definedName name="resumo_19">#REF!</definedName>
    <definedName name="resumo_21">#REF!</definedName>
    <definedName name="resumo_22">#REF!</definedName>
    <definedName name="resumo_8">#REF!</definedName>
    <definedName name="RET1_16">[3]Regula!$J$36</definedName>
    <definedName name="RET1_18">[3]Regula!$J$36</definedName>
    <definedName name="RET1_18_1">[3]Regula!$J$36</definedName>
    <definedName name="RET1_19">[3]Regula!$J$36</definedName>
    <definedName name="RET1_22">[1]Regula!$J$36</definedName>
    <definedName name="svi2_14">#REF!</definedName>
    <definedName name="svi2_16">#REF!</definedName>
    <definedName name="svi2_16_1">#REF!</definedName>
    <definedName name="svi2_18">#REF!</definedName>
    <definedName name="svi2_18_1">#REF!</definedName>
    <definedName name="svi2_19">#REF!</definedName>
    <definedName name="svi2_21">#REF!</definedName>
    <definedName name="svi2_22">#REF!</definedName>
    <definedName name="svi2_8">#REF!</definedName>
    <definedName name="T">#REF!</definedName>
    <definedName name="t_14">#REF!</definedName>
    <definedName name="t_16">#REF!</definedName>
    <definedName name="t_16_1">#REF!</definedName>
    <definedName name="t_18">#REF!</definedName>
    <definedName name="t_18_1">#REF!</definedName>
    <definedName name="t_19">#REF!</definedName>
    <definedName name="t_21">#REF!</definedName>
    <definedName name="t_22">#REF!</definedName>
    <definedName name="tabelão">#REF!</definedName>
    <definedName name="tabelão_22">#REF!</definedName>
    <definedName name="tabelão1">#REF!</definedName>
    <definedName name="tabelão1_22">#REF!</definedName>
    <definedName name="tabelão2">#REF!</definedName>
    <definedName name="tabelão2_22">#REF!</definedName>
    <definedName name="taxa_cap">#REF!</definedName>
    <definedName name="terra">#REF!</definedName>
    <definedName name="TESTE">#REF!</definedName>
    <definedName name="TESTE_14">#REF!</definedName>
    <definedName name="TESTE_16">#REF!</definedName>
    <definedName name="TESTE_18">#REF!</definedName>
    <definedName name="TESTE_18_1">#REF!</definedName>
    <definedName name="TESTE_19">#REF!</definedName>
    <definedName name="TESTE_21">#REF!</definedName>
    <definedName name="TESTE_22">#REF!</definedName>
    <definedName name="TESTE_25">#REF!</definedName>
    <definedName name="_xlnm.Print_Titles" localSheetId="0">'Cronograma '!$1:$10</definedName>
    <definedName name="total">#REF!</definedName>
    <definedName name="total_14">#REF!</definedName>
    <definedName name="total_16">#REF!</definedName>
    <definedName name="total_16_1">#REF!</definedName>
    <definedName name="total_18">#REF!</definedName>
    <definedName name="total_18_1">#REF!</definedName>
    <definedName name="total_19">#REF!</definedName>
    <definedName name="total_21">#REF!</definedName>
    <definedName name="total_22">#REF!</definedName>
    <definedName name="total_8">#REF!</definedName>
    <definedName name="TT102_16">'[11]Relatório_1ª med_'!#REF!</definedName>
    <definedName name="TT102_18">'[11]Relatório_1ª med_'!#REF!</definedName>
    <definedName name="TT102_18_1">'[11]Relatório_1ª med_'!#REF!</definedName>
    <definedName name="TT102_19">'[11]Relatório_1ª med_'!#REF!</definedName>
    <definedName name="TT102_22">'[2]Relatório_1ª med_'!#REF!</definedName>
    <definedName name="TT107_16">'[11]Relatório_1ª med_'!#REF!</definedName>
    <definedName name="TT107_18">'[11]Relatório_1ª med_'!#REF!</definedName>
    <definedName name="TT107_18_1">'[11]Relatório_1ª med_'!#REF!</definedName>
    <definedName name="TT107_19">'[11]Relatório_1ª med_'!#REF!</definedName>
    <definedName name="TT107_22">'[2]Relatório_1ª med_'!#REF!</definedName>
    <definedName name="TT121_16">'[11]Relatório_1ª med_'!#REF!</definedName>
    <definedName name="TT121_18">'[11]Relatório_1ª med_'!#REF!</definedName>
    <definedName name="TT121_18_1">'[11]Relatório_1ª med_'!#REF!</definedName>
    <definedName name="TT121_19">'[11]Relatório_1ª med_'!#REF!</definedName>
    <definedName name="TT121_22">'[2]Relatório_1ª med_'!#REF!</definedName>
    <definedName name="TT123_16">'[11]Relatório_1ª med_'!#REF!</definedName>
    <definedName name="TT123_18">'[11]Relatório_1ª med_'!#REF!</definedName>
    <definedName name="TT123_18_1">'[11]Relatório_1ª med_'!#REF!</definedName>
    <definedName name="TT123_19">'[11]Relatório_1ª med_'!#REF!</definedName>
    <definedName name="TT123_22">'[2]Relatório_1ª med_'!#REF!</definedName>
    <definedName name="TT19_16">'[11]Relatório_1ª med_'!#REF!</definedName>
    <definedName name="TT19_18">'[11]Relatório_1ª med_'!#REF!</definedName>
    <definedName name="TT19_18_1">'[11]Relatório_1ª med_'!#REF!</definedName>
    <definedName name="TT19_19">'[11]Relatório_1ª med_'!#REF!</definedName>
    <definedName name="TT19_22">'[2]Relatório_1ª med_'!#REF!</definedName>
    <definedName name="TT20_16">'[11]Relatório_1ª med_'!#REF!</definedName>
    <definedName name="TT20_18">'[11]Relatório_1ª med_'!#REF!</definedName>
    <definedName name="TT20_18_1">'[11]Relatório_1ª med_'!#REF!</definedName>
    <definedName name="TT20_19">'[11]Relatório_1ª med_'!#REF!</definedName>
    <definedName name="TT20_22">'[2]Relatório_1ª med_'!#REF!</definedName>
    <definedName name="TT21_16">'[11]Relatório_1ª med_'!#REF!</definedName>
    <definedName name="TT21_18">'[11]Relatório_1ª med_'!#REF!</definedName>
    <definedName name="TT21_18_1">'[11]Relatório_1ª med_'!#REF!</definedName>
    <definedName name="TT21_19">'[11]Relatório_1ª med_'!#REF!</definedName>
    <definedName name="TT21_22">'[2]Relatório_1ª med_'!#REF!</definedName>
    <definedName name="TT22_16">'[11]Relatório_1ª med_'!#REF!</definedName>
    <definedName name="TT22_18">'[11]Relatório_1ª med_'!#REF!</definedName>
    <definedName name="TT22_18_1">'[11]Relatório_1ª med_'!#REF!</definedName>
    <definedName name="TT22_19">'[11]Relatório_1ª med_'!#REF!</definedName>
    <definedName name="TT22_22">'[2]Relatório_1ª med_'!#REF!</definedName>
    <definedName name="TT26_16">'[11]Relatório_1ª med_'!#REF!</definedName>
    <definedName name="TT26_18">'[11]Relatório_1ª med_'!#REF!</definedName>
    <definedName name="TT26_18_1">'[11]Relatório_1ª med_'!#REF!</definedName>
    <definedName name="TT26_19">'[11]Relatório_1ª med_'!#REF!</definedName>
    <definedName name="TT26_22">'[2]Relatório_1ª med_'!#REF!</definedName>
    <definedName name="TT27_16">'[11]Relatório_1ª med_'!#REF!</definedName>
    <definedName name="TT27_18">'[11]Relatório_1ª med_'!#REF!</definedName>
    <definedName name="TT27_18_1">'[11]Relatório_1ª med_'!#REF!</definedName>
    <definedName name="TT27_19">'[11]Relatório_1ª med_'!#REF!</definedName>
    <definedName name="TT27_22">'[2]Relatório_1ª med_'!#REF!</definedName>
    <definedName name="TT28_16">'[11]Relatório_1ª med_'!#REF!</definedName>
    <definedName name="TT28_18">'[11]Relatório_1ª med_'!#REF!</definedName>
    <definedName name="TT28_18_1">'[11]Relatório_1ª med_'!#REF!</definedName>
    <definedName name="TT28_19">'[11]Relatório_1ª med_'!#REF!</definedName>
    <definedName name="TT28_22">'[2]Relatório_1ª med_'!#REF!</definedName>
    <definedName name="TT30_16">'[11]Relatório_1ª med_'!#REF!</definedName>
    <definedName name="TT30_18">'[11]Relatório_1ª med_'!#REF!</definedName>
    <definedName name="TT30_18_1">'[11]Relatório_1ª med_'!#REF!</definedName>
    <definedName name="TT30_19">'[11]Relatório_1ª med_'!#REF!</definedName>
    <definedName name="TT30_22">'[2]Relatório_1ª med_'!#REF!</definedName>
    <definedName name="TT31_16">'[11]Relatório_1ª med_'!#REF!</definedName>
    <definedName name="TT31_18">'[11]Relatório_1ª med_'!#REF!</definedName>
    <definedName name="TT31_18_1">'[11]Relatório_1ª med_'!#REF!</definedName>
    <definedName name="TT31_19">'[11]Relatório_1ª med_'!#REF!</definedName>
    <definedName name="TT31_22">'[2]Relatório_1ª med_'!#REF!</definedName>
    <definedName name="TT32_16">'[11]Relatório_1ª med_'!#REF!</definedName>
    <definedName name="TT32_18">'[11]Relatório_1ª med_'!#REF!</definedName>
    <definedName name="TT32_18_1">'[11]Relatório_1ª med_'!#REF!</definedName>
    <definedName name="TT32_19">'[11]Relatório_1ª med_'!#REF!</definedName>
    <definedName name="TT32_22">'[2]Relatório_1ª med_'!#REF!</definedName>
    <definedName name="TT33_16">'[11]Relatório_1ª med_'!#REF!</definedName>
    <definedName name="TT33_18">'[11]Relatório_1ª med_'!#REF!</definedName>
    <definedName name="TT33_18_1">'[11]Relatório_1ª med_'!#REF!</definedName>
    <definedName name="TT33_19">'[11]Relatório_1ª med_'!#REF!</definedName>
    <definedName name="TT33_22">'[2]Relatório_1ª med_'!#REF!</definedName>
    <definedName name="TT34_16">'[11]Relatório_1ª med_'!#REF!</definedName>
    <definedName name="TT34_18">'[11]Relatório_1ª med_'!#REF!</definedName>
    <definedName name="TT34_18_1">'[11]Relatório_1ª med_'!#REF!</definedName>
    <definedName name="TT34_19">'[11]Relatório_1ª med_'!#REF!</definedName>
    <definedName name="TT34_22">'[2]Relatório_1ª med_'!#REF!</definedName>
    <definedName name="TT36_16">'[11]Relatório_1ª med_'!#REF!</definedName>
    <definedName name="TT36_18">'[11]Relatório_1ª med_'!#REF!</definedName>
    <definedName name="TT36_18_1">'[11]Relatório_1ª med_'!#REF!</definedName>
    <definedName name="TT36_19">'[11]Relatório_1ª med_'!#REF!</definedName>
    <definedName name="TT36_22">'[2]Relatório_1ª med_'!#REF!</definedName>
    <definedName name="TT37_16">'[11]Relatório_1ª med_'!#REF!</definedName>
    <definedName name="TT37_18">'[11]Relatório_1ª med_'!#REF!</definedName>
    <definedName name="TT37_18_1">'[11]Relatório_1ª med_'!#REF!</definedName>
    <definedName name="TT37_19">'[11]Relatório_1ª med_'!#REF!</definedName>
    <definedName name="TT37_22">'[2]Relatório_1ª med_'!#REF!</definedName>
    <definedName name="TT38_16">'[11]Relatório_1ª med_'!#REF!</definedName>
    <definedName name="TT38_18">'[11]Relatório_1ª med_'!#REF!</definedName>
    <definedName name="TT38_18_1">'[11]Relatório_1ª med_'!#REF!</definedName>
    <definedName name="TT38_19">'[11]Relatório_1ª med_'!#REF!</definedName>
    <definedName name="TT38_22">'[2]Relatório_1ª med_'!#REF!</definedName>
    <definedName name="TT39_16">'[11]Relatório_1ª med_'!#REF!</definedName>
    <definedName name="TT39_18">'[11]Relatório_1ª med_'!#REF!</definedName>
    <definedName name="TT39_18_1">'[11]Relatório_1ª med_'!#REF!</definedName>
    <definedName name="TT39_19">'[11]Relatório_1ª med_'!#REF!</definedName>
    <definedName name="TT39_22">'[2]Relatório_1ª med_'!#REF!</definedName>
    <definedName name="TT40_16">'[11]Relatório_1ª med_'!#REF!</definedName>
    <definedName name="TT40_18">'[11]Relatório_1ª med_'!#REF!</definedName>
    <definedName name="TT40_18_1">'[11]Relatório_1ª med_'!#REF!</definedName>
    <definedName name="TT40_19">'[11]Relatório_1ª med_'!#REF!</definedName>
    <definedName name="TT40_22">'[2]Relatório_1ª med_'!#REF!</definedName>
    <definedName name="TT5_16">'[11]Relatório_1ª med_'!#REF!</definedName>
    <definedName name="TT5_18">'[11]Relatório_1ª med_'!#REF!</definedName>
    <definedName name="TT5_18_1">'[11]Relatório_1ª med_'!#REF!</definedName>
    <definedName name="TT5_19">'[11]Relatório_1ª med_'!#REF!</definedName>
    <definedName name="TT5_22">'[2]Relatório_1ª med_'!#REF!</definedName>
    <definedName name="TT52_16">'[11]Relatório_1ª med_'!#REF!</definedName>
    <definedName name="TT52_18">'[11]Relatório_1ª med_'!#REF!</definedName>
    <definedName name="TT52_18_1">'[11]Relatório_1ª med_'!#REF!</definedName>
    <definedName name="TT52_19">'[11]Relatório_1ª med_'!#REF!</definedName>
    <definedName name="TT52_22">'[2]Relatório_1ª med_'!#REF!</definedName>
    <definedName name="TT53_16">'[11]Relatório_1ª med_'!#REF!</definedName>
    <definedName name="TT53_18">'[11]Relatório_1ª med_'!#REF!</definedName>
    <definedName name="TT53_18_1">'[11]Relatório_1ª med_'!#REF!</definedName>
    <definedName name="TT53_19">'[11]Relatório_1ª med_'!#REF!</definedName>
    <definedName name="TT53_22">'[2]Relatório_1ª med_'!#REF!</definedName>
    <definedName name="TT54_16">'[11]Relatório_1ª med_'!#REF!</definedName>
    <definedName name="TT54_18">'[11]Relatório_1ª med_'!#REF!</definedName>
    <definedName name="TT54_18_1">'[11]Relatório_1ª med_'!#REF!</definedName>
    <definedName name="TT54_19">'[11]Relatório_1ª med_'!#REF!</definedName>
    <definedName name="TT54_22">'[2]Relatório_1ª med_'!#REF!</definedName>
    <definedName name="TT55_16">'[11]Relatório_1ª med_'!#REF!</definedName>
    <definedName name="TT55_18">'[11]Relatório_1ª med_'!#REF!</definedName>
    <definedName name="TT55_18_1">'[11]Relatório_1ª med_'!#REF!</definedName>
    <definedName name="TT55_19">'[11]Relatório_1ª med_'!#REF!</definedName>
    <definedName name="TT55_22">'[2]Relatório_1ª med_'!#REF!</definedName>
    <definedName name="TT6_16">'[11]Relatório_1ª med_'!#REF!</definedName>
    <definedName name="TT6_18">'[11]Relatório_1ª med_'!#REF!</definedName>
    <definedName name="TT6_18_1">'[11]Relatório_1ª med_'!#REF!</definedName>
    <definedName name="TT6_19">'[11]Relatório_1ª med_'!#REF!</definedName>
    <definedName name="TT6_22">'[2]Relatório_1ª med_'!#REF!</definedName>
    <definedName name="TT60_16">'[11]Relatório_1ª med_'!#REF!</definedName>
    <definedName name="TT60_18">'[11]Relatório_1ª med_'!#REF!</definedName>
    <definedName name="TT60_18_1">'[11]Relatório_1ª med_'!#REF!</definedName>
    <definedName name="TT60_19">'[11]Relatório_1ª med_'!#REF!</definedName>
    <definedName name="TT60_22">'[2]Relatório_1ª med_'!#REF!</definedName>
    <definedName name="TT61_16">'[11]Relatório_1ª med_'!#REF!</definedName>
    <definedName name="TT61_18">'[11]Relatório_1ª med_'!#REF!</definedName>
    <definedName name="TT61_18_1">'[11]Relatório_1ª med_'!#REF!</definedName>
    <definedName name="TT61_19">'[11]Relatório_1ª med_'!#REF!</definedName>
    <definedName name="TT61_22">'[2]Relatório_1ª med_'!#REF!</definedName>
    <definedName name="TT69_16">'[11]Relatório_1ª med_'!#REF!</definedName>
    <definedName name="TT69_18">'[11]Relatório_1ª med_'!#REF!</definedName>
    <definedName name="TT69_18_1">'[11]Relatório_1ª med_'!#REF!</definedName>
    <definedName name="TT69_19">'[11]Relatório_1ª med_'!#REF!</definedName>
    <definedName name="TT69_22">'[2]Relatório_1ª med_'!#REF!</definedName>
    <definedName name="TT7_16">'[11]Relatório_1ª med_'!#REF!</definedName>
    <definedName name="TT7_18">'[11]Relatório_1ª med_'!#REF!</definedName>
    <definedName name="TT7_18_1">'[11]Relatório_1ª med_'!#REF!</definedName>
    <definedName name="TT7_19">'[11]Relatório_1ª med_'!#REF!</definedName>
    <definedName name="TT7_22">'[2]Relatório_1ª med_'!#REF!</definedName>
    <definedName name="TT70_16">'[11]Relatório_1ª med_'!#REF!</definedName>
    <definedName name="TT70_18">'[11]Relatório_1ª med_'!#REF!</definedName>
    <definedName name="TT70_18_1">'[11]Relatório_1ª med_'!#REF!</definedName>
    <definedName name="TT70_19">'[11]Relatório_1ª med_'!#REF!</definedName>
    <definedName name="TT70_22">'[2]Relatório_1ª med_'!#REF!</definedName>
    <definedName name="TT71_16">'[11]Relatório_1ª med_'!#REF!</definedName>
    <definedName name="TT71_18">'[11]Relatório_1ª med_'!#REF!</definedName>
    <definedName name="TT71_18_1">'[11]Relatório_1ª med_'!#REF!</definedName>
    <definedName name="TT71_19">'[11]Relatório_1ª med_'!#REF!</definedName>
    <definedName name="TT71_22">'[2]Relatório_1ª med_'!#REF!</definedName>
    <definedName name="TT74_16">'[11]Relatório_1ª med_'!#REF!</definedName>
    <definedName name="TT74_18">'[11]Relatório_1ª med_'!#REF!</definedName>
    <definedName name="TT74_18_1">'[11]Relatório_1ª med_'!#REF!</definedName>
    <definedName name="TT74_19">'[11]Relatório_1ª med_'!#REF!</definedName>
    <definedName name="TT74_22">'[2]Relatório_1ª med_'!#REF!</definedName>
    <definedName name="TT75_16">'[11]Relatório_1ª med_'!#REF!</definedName>
    <definedName name="TT75_18">'[11]Relatório_1ª med_'!#REF!</definedName>
    <definedName name="TT75_18_1">'[11]Relatório_1ª med_'!#REF!</definedName>
    <definedName name="TT75_19">'[11]Relatório_1ª med_'!#REF!</definedName>
    <definedName name="TT75_22">'[2]Relatório_1ª med_'!#REF!</definedName>
    <definedName name="TT76_16">'[11]Relatório_1ª med_'!#REF!</definedName>
    <definedName name="TT76_18">'[11]Relatório_1ª med_'!#REF!</definedName>
    <definedName name="TT76_18_1">'[11]Relatório_1ª med_'!#REF!</definedName>
    <definedName name="TT76_19">'[11]Relatório_1ª med_'!#REF!</definedName>
    <definedName name="TT76_22">'[2]Relatório_1ª med_'!#REF!</definedName>
    <definedName name="TT77_16">'[11]Relatório_1ª med_'!#REF!</definedName>
    <definedName name="TT77_18">'[11]Relatório_1ª med_'!#REF!</definedName>
    <definedName name="TT77_18_1">'[11]Relatório_1ª med_'!#REF!</definedName>
    <definedName name="TT77_19">'[11]Relatório_1ª med_'!#REF!</definedName>
    <definedName name="TT77_22">'[2]Relatório_1ª med_'!#REF!</definedName>
    <definedName name="TT78_16">'[11]Relatório_1ª med_'!#REF!</definedName>
    <definedName name="TT78_18">'[11]Relatório_1ª med_'!#REF!</definedName>
    <definedName name="TT78_18_1">'[11]Relatório_1ª med_'!#REF!</definedName>
    <definedName name="TT78_19">'[11]Relatório_1ª med_'!#REF!</definedName>
    <definedName name="TT78_22">'[2]Relatório_1ª med_'!#REF!</definedName>
    <definedName name="TT79_16">'[11]Relatório_1ª med_'!#REF!</definedName>
    <definedName name="TT79_18">'[11]Relatório_1ª med_'!#REF!</definedName>
    <definedName name="TT79_18_1">'[11]Relatório_1ª med_'!#REF!</definedName>
    <definedName name="TT79_19">'[11]Relatório_1ª med_'!#REF!</definedName>
    <definedName name="TT79_22">'[2]Relatório_1ª med_'!#REF!</definedName>
    <definedName name="TT94_16">'[11]Relatório_1ª med_'!#REF!</definedName>
    <definedName name="TT94_18">'[11]Relatório_1ª med_'!#REF!</definedName>
    <definedName name="TT94_18_1">'[11]Relatório_1ª med_'!#REF!</definedName>
    <definedName name="TT94_19">'[11]Relatório_1ª med_'!#REF!</definedName>
    <definedName name="TT94_22">'[2]Relatório_1ª med_'!#REF!</definedName>
    <definedName name="TT95_16">'[11]Relatório_1ª med_'!#REF!</definedName>
    <definedName name="TT95_18">'[11]Relatório_1ª med_'!#REF!</definedName>
    <definedName name="TT95_18_1">'[11]Relatório_1ª med_'!#REF!</definedName>
    <definedName name="TT95_19">'[11]Relatório_1ª med_'!#REF!</definedName>
    <definedName name="TT95_22">'[2]Relatório_1ª med_'!#REF!</definedName>
    <definedName name="TT97_16">'[11]Relatório_1ª med_'!#REF!</definedName>
    <definedName name="TT97_18">'[11]Relatório_1ª med_'!#REF!</definedName>
    <definedName name="TT97_18_1">'[11]Relatório_1ª med_'!#REF!</definedName>
    <definedName name="TT97_19">'[11]Relatório_1ª med_'!#REF!</definedName>
    <definedName name="TT97_22">'[2]Relatório_1ª med_'!#REF!</definedName>
    <definedName name="UNI11100_22">#REF!</definedName>
    <definedName name="UNI11100_25">#REF!</definedName>
    <definedName name="UNI11100_26">#REF!</definedName>
    <definedName name="UNI11110_22">#REF!</definedName>
    <definedName name="UNI11110_25">#REF!</definedName>
    <definedName name="UNI11110_26">#REF!</definedName>
    <definedName name="UNI11115_22">#REF!</definedName>
    <definedName name="UNI11115_25">#REF!</definedName>
    <definedName name="UNI11115_26">#REF!</definedName>
    <definedName name="UNI11125_22">#REF!</definedName>
    <definedName name="UNI11125_25">#REF!</definedName>
    <definedName name="UNI11125_26">#REF!</definedName>
    <definedName name="UNI11130_22">#REF!</definedName>
    <definedName name="UNI11130_25">#REF!</definedName>
    <definedName name="UNI11130_26">#REF!</definedName>
    <definedName name="UNI11135_22">#REF!</definedName>
    <definedName name="UNI11135_25">#REF!</definedName>
    <definedName name="UNI11135_26">#REF!</definedName>
    <definedName name="UNI11145_22">#REF!</definedName>
    <definedName name="UNI11145_25">#REF!</definedName>
    <definedName name="UNI11145_26">#REF!</definedName>
    <definedName name="UNI11150_22">#REF!</definedName>
    <definedName name="UNI11150_25">#REF!</definedName>
    <definedName name="UNI11150_26">#REF!</definedName>
    <definedName name="UNI11165_22">#REF!</definedName>
    <definedName name="UNI11165_25">#REF!</definedName>
    <definedName name="UNI11165_26">#REF!</definedName>
    <definedName name="UNI11170_22">#REF!</definedName>
    <definedName name="UNI11170_25">#REF!</definedName>
    <definedName name="UNI11170_26">#REF!</definedName>
    <definedName name="UNI11180_22">#REF!</definedName>
    <definedName name="UNI11180_25">#REF!</definedName>
    <definedName name="UNI11180_26">#REF!</definedName>
    <definedName name="UNI11185_22">#REF!</definedName>
    <definedName name="UNI11185_25">#REF!</definedName>
    <definedName name="UNI11185_26">#REF!</definedName>
    <definedName name="UNI11220_22">#REF!</definedName>
    <definedName name="UNI11220_25">#REF!</definedName>
    <definedName name="UNI11220_26">#REF!</definedName>
    <definedName name="UNI12105_22">#REF!</definedName>
    <definedName name="UNI12105_25">#REF!</definedName>
    <definedName name="UNI12105_26">#REF!</definedName>
    <definedName name="UNI12555_22">#REF!</definedName>
    <definedName name="UNI12555_25">#REF!</definedName>
    <definedName name="UNI12555_26">#REF!</definedName>
    <definedName name="UNI12570_22">#REF!</definedName>
    <definedName name="UNI12570_25">#REF!</definedName>
    <definedName name="UNI12570_26">#REF!</definedName>
    <definedName name="UNI12575_22">#REF!</definedName>
    <definedName name="UNI12575_25">#REF!</definedName>
    <definedName name="UNI12575_26">#REF!</definedName>
    <definedName name="UNI12580_22">#REF!</definedName>
    <definedName name="UNI12580_25">#REF!</definedName>
    <definedName name="UNI12580_26">#REF!</definedName>
    <definedName name="UNI12600_22">#REF!</definedName>
    <definedName name="UNI12600_25">#REF!</definedName>
    <definedName name="UNI12600_26">#REF!</definedName>
    <definedName name="UNI12610_22">#REF!</definedName>
    <definedName name="UNI12610_25">#REF!</definedName>
    <definedName name="UNI12610_26">#REF!</definedName>
    <definedName name="UNI12630_22">#REF!</definedName>
    <definedName name="UNI12630_25">#REF!</definedName>
    <definedName name="UNI12630_26">#REF!</definedName>
    <definedName name="UNI12631_22">#REF!</definedName>
    <definedName name="UNI12631_25">#REF!</definedName>
    <definedName name="UNI12631_26">#REF!</definedName>
    <definedName name="UNI12640_22">#REF!</definedName>
    <definedName name="UNI12640_25">#REF!</definedName>
    <definedName name="UNI12640_26">#REF!</definedName>
    <definedName name="UNI12645_22">#REF!</definedName>
    <definedName name="UNI12645_25">#REF!</definedName>
    <definedName name="UNI12645_26">#REF!</definedName>
    <definedName name="UNI12665_22">#REF!</definedName>
    <definedName name="UNI12665_25">#REF!</definedName>
    <definedName name="UNI12665_26">#REF!</definedName>
    <definedName name="UNI12690_22">#REF!</definedName>
    <definedName name="UNI12690_25">#REF!</definedName>
    <definedName name="UNI12690_26">#REF!</definedName>
    <definedName name="UNI12700_22">#REF!</definedName>
    <definedName name="UNI12700_25">#REF!</definedName>
    <definedName name="UNI12700_26">#REF!</definedName>
    <definedName name="UNI12710_22">#REF!</definedName>
    <definedName name="UNI12710_25">#REF!</definedName>
    <definedName name="UNI12710_26">#REF!</definedName>
    <definedName name="UNI13111_22">#REF!</definedName>
    <definedName name="UNI13111_25">#REF!</definedName>
    <definedName name="UNI13111_26">#REF!</definedName>
    <definedName name="UNI13112_14">#REF!</definedName>
    <definedName name="UNI13112_16">#REF!</definedName>
    <definedName name="UNI13112_18">#REF!</definedName>
    <definedName name="UNI13112_18_1">#REF!</definedName>
    <definedName name="UNI13112_19">#REF!</definedName>
    <definedName name="UNI13112_21">#REF!</definedName>
    <definedName name="UNI13112_22">#REF!</definedName>
    <definedName name="UNI13112_25">#REF!</definedName>
    <definedName name="UNI13112_26">#REF!</definedName>
    <definedName name="UNI13121_22">#REF!</definedName>
    <definedName name="UNI13121_25">#REF!</definedName>
    <definedName name="UNI13121_26">#REF!</definedName>
    <definedName name="UNI13720_22">#REF!</definedName>
    <definedName name="UNI13720_25">#REF!</definedName>
    <definedName name="UNI13720_26">#REF!</definedName>
    <definedName name="UNI14100_22">#REF!</definedName>
    <definedName name="UNI14100_25">#REF!</definedName>
    <definedName name="UNI14100_26">#REF!</definedName>
    <definedName name="UNI14161_22">#REF!</definedName>
    <definedName name="UNI14161_25">#REF!</definedName>
    <definedName name="UNI14161_26">#REF!</definedName>
    <definedName name="UNI14195_22">#REF!</definedName>
    <definedName name="UNI14195_25">#REF!</definedName>
    <definedName name="UNI14195_26">#REF!</definedName>
    <definedName name="UNI14205_22">#REF!</definedName>
    <definedName name="UNI14205_25">#REF!</definedName>
    <definedName name="UNI14205_26">#REF!</definedName>
    <definedName name="UNI14260_22">#REF!</definedName>
    <definedName name="UNI14260_25">#REF!</definedName>
    <definedName name="UNI14260_26">#REF!</definedName>
    <definedName name="UNI14500_22">#REF!</definedName>
    <definedName name="UNI14500_25">#REF!</definedName>
    <definedName name="UNI14500_26">#REF!</definedName>
    <definedName name="UNI14515_22">#REF!</definedName>
    <definedName name="UNI14515_25">#REF!</definedName>
    <definedName name="UNI14515_26">#REF!</definedName>
    <definedName name="UNI14555_22">#REF!</definedName>
    <definedName name="UNI14555_25">#REF!</definedName>
    <definedName name="UNI14555_26">#REF!</definedName>
    <definedName name="UNI14565_22">#REF!</definedName>
    <definedName name="UNI14565_25">#REF!</definedName>
    <definedName name="UNI14565_26">#REF!</definedName>
    <definedName name="UNI15135_22">#REF!</definedName>
    <definedName name="UNI15135_25">#REF!</definedName>
    <definedName name="UNI15135_26">#REF!</definedName>
    <definedName name="UNI15140_22">#REF!</definedName>
    <definedName name="UNI15140_25">#REF!</definedName>
    <definedName name="UNI15140_26">#REF!</definedName>
    <definedName name="UNI15195_22">#REF!</definedName>
    <definedName name="UNI15195_25">#REF!</definedName>
    <definedName name="UNI15195_26">#REF!</definedName>
    <definedName name="UNI15225_22">#REF!</definedName>
    <definedName name="UNI15225_25">#REF!</definedName>
    <definedName name="UNI15225_26">#REF!</definedName>
    <definedName name="UNI15230_22">#REF!</definedName>
    <definedName name="UNI15230_25">#REF!</definedName>
    <definedName name="UNI15230_26">#REF!</definedName>
    <definedName name="UNI15515_22">#REF!</definedName>
    <definedName name="UNI15515_25">#REF!</definedName>
    <definedName name="UNI15515_26">#REF!</definedName>
    <definedName name="UNI15560_22">#REF!</definedName>
    <definedName name="UNI15560_25">#REF!</definedName>
    <definedName name="UNI15560_26">#REF!</definedName>
    <definedName name="UNI15565_22">#REF!</definedName>
    <definedName name="UNI15565_25">#REF!</definedName>
    <definedName name="UNI15565_26">#REF!</definedName>
    <definedName name="UNI15570_22">#REF!</definedName>
    <definedName name="UNI15570_25">#REF!</definedName>
    <definedName name="UNI15570_26">#REF!</definedName>
    <definedName name="UNI15575_22">#REF!</definedName>
    <definedName name="UNI15575_25">#REF!</definedName>
    <definedName name="UNI15575_26">#REF!</definedName>
    <definedName name="UNI15583_22">#REF!</definedName>
    <definedName name="UNI15583_25">#REF!</definedName>
    <definedName name="UNI15583_26">#REF!</definedName>
    <definedName name="UNI15590_22">#REF!</definedName>
    <definedName name="UNI15590_25">#REF!</definedName>
    <definedName name="UNI15590_26">#REF!</definedName>
    <definedName name="UNI15591_22">#REF!</definedName>
    <definedName name="UNI15591_25">#REF!</definedName>
    <definedName name="UNI15591_26">#REF!</definedName>
    <definedName name="UNI15610_22">#REF!</definedName>
    <definedName name="UNI15610_25">#REF!</definedName>
    <definedName name="UNI15610_26">#REF!</definedName>
    <definedName name="UNI15625_22">#REF!</definedName>
    <definedName name="UNI15625_25">#REF!</definedName>
    <definedName name="UNI15625_26">#REF!</definedName>
    <definedName name="UNI15635_22">#REF!</definedName>
    <definedName name="UNI15635_25">#REF!</definedName>
    <definedName name="UNI15635_26">#REF!</definedName>
    <definedName name="UNI15655_22">#REF!</definedName>
    <definedName name="UNI15655_25">#REF!</definedName>
    <definedName name="UNI15655_26">#REF!</definedName>
    <definedName name="UNI15665_22">#REF!</definedName>
    <definedName name="UNI15665_25">#REF!</definedName>
    <definedName name="UNI15665_26">#REF!</definedName>
    <definedName name="UNI16515_22">#REF!</definedName>
    <definedName name="UNI16515_25">#REF!</definedName>
    <definedName name="UNI16515_26">#REF!</definedName>
    <definedName name="UNI16535_22">#REF!</definedName>
    <definedName name="UNI16535_25">#REF!</definedName>
    <definedName name="UNI16535_26">#REF!</definedName>
    <definedName name="UNI17140_22">#REF!</definedName>
    <definedName name="UNI17140_25">#REF!</definedName>
    <definedName name="UNI17140_26">#REF!</definedName>
    <definedName name="UNI19500_22">#REF!</definedName>
    <definedName name="UNI19500_25">#REF!</definedName>
    <definedName name="UNI19500_26">#REF!</definedName>
    <definedName name="UNI19501_22">#REF!</definedName>
    <definedName name="UNI19501_25">#REF!</definedName>
    <definedName name="UNI19501_26">#REF!</definedName>
    <definedName name="UNI19502_22">#REF!</definedName>
    <definedName name="UNI19502_25">#REF!</definedName>
    <definedName name="UNI19502_26">#REF!</definedName>
    <definedName name="UNI19503_22">#REF!</definedName>
    <definedName name="UNI19503_25">#REF!</definedName>
    <definedName name="UNI19503_26">#REF!</definedName>
    <definedName name="UNI19504_22">#REF!</definedName>
    <definedName name="UNI19504_25">#REF!</definedName>
    <definedName name="UNI19504_26">#REF!</definedName>
    <definedName name="UNI19505_22">#REF!</definedName>
    <definedName name="UNI19505_25">#REF!</definedName>
    <definedName name="UNI19505_26">#REF!</definedName>
    <definedName name="UNI20100_22">#REF!</definedName>
    <definedName name="UNI20100_25">#REF!</definedName>
    <definedName name="UNI20100_26">#REF!</definedName>
    <definedName name="UNI20105_14">#REF!</definedName>
    <definedName name="UNI20105_18">#REF!</definedName>
    <definedName name="UNI20105_21">#REF!</definedName>
    <definedName name="UNI20105_22">#REF!</definedName>
    <definedName name="UNI20105_25">#REF!</definedName>
    <definedName name="UNI20105_26">#REF!</definedName>
    <definedName name="UNI20110_14">#REF!</definedName>
    <definedName name="UNI20110_18">#REF!</definedName>
    <definedName name="UNI20110_21">#REF!</definedName>
    <definedName name="UNI20110_22">#REF!</definedName>
    <definedName name="UNI20110_25">#REF!</definedName>
    <definedName name="UNI20110_26">#REF!</definedName>
    <definedName name="UNI20115_14">#REF!</definedName>
    <definedName name="UNI20115_18">#REF!</definedName>
    <definedName name="UNI20115_21">#REF!</definedName>
    <definedName name="UNI20115_22">#REF!</definedName>
    <definedName name="UNI20115_25">#REF!</definedName>
    <definedName name="UNI20115_26">#REF!</definedName>
    <definedName name="UNI20130_14">#REF!</definedName>
    <definedName name="UNI20130_18">#REF!</definedName>
    <definedName name="UNI20130_21">#REF!</definedName>
    <definedName name="UNI20130_22">#REF!</definedName>
    <definedName name="UNI20130_25">#REF!</definedName>
    <definedName name="UNI20130_26">#REF!</definedName>
    <definedName name="UNI20135_14">#REF!</definedName>
    <definedName name="UNI20135_18">#REF!</definedName>
    <definedName name="UNI20135_21">#REF!</definedName>
    <definedName name="UNI20135_22">#REF!</definedName>
    <definedName name="UNI20135_25">#REF!</definedName>
    <definedName name="UNI20135_26">#REF!</definedName>
    <definedName name="UNI20140_14">#REF!</definedName>
    <definedName name="UNI20140_18">#REF!</definedName>
    <definedName name="UNI20140_21">#REF!</definedName>
    <definedName name="UNI20140_22">#REF!</definedName>
    <definedName name="UNI20140_25">#REF!</definedName>
    <definedName name="UNI20140_26">#REF!</definedName>
    <definedName name="UNI20145_14">#REF!</definedName>
    <definedName name="UNI20145_18">#REF!</definedName>
    <definedName name="UNI20145_21">#REF!</definedName>
    <definedName name="UNI20145_22">#REF!</definedName>
    <definedName name="UNI20145_25">#REF!</definedName>
    <definedName name="UNI20145_26">#REF!</definedName>
    <definedName name="UNI20150_14">#REF!</definedName>
    <definedName name="UNI20150_18">#REF!</definedName>
    <definedName name="UNI20150_21">#REF!</definedName>
    <definedName name="UNI20150_22">#REF!</definedName>
    <definedName name="UNI20150_25">#REF!</definedName>
    <definedName name="UNI20150_26">#REF!</definedName>
    <definedName name="UNI20155_14">#REF!</definedName>
    <definedName name="UNI20155_18">#REF!</definedName>
    <definedName name="UNI20155_21">#REF!</definedName>
    <definedName name="UNI20155_22">#REF!</definedName>
    <definedName name="UNI20155_25">#REF!</definedName>
    <definedName name="UNI20155_26">#REF!</definedName>
    <definedName name="UNI20175_14">#REF!</definedName>
    <definedName name="UNI20175_18">#REF!</definedName>
    <definedName name="UNI20175_21">#REF!</definedName>
    <definedName name="UNI20175_22">#REF!</definedName>
    <definedName name="UNI20175_25">#REF!</definedName>
    <definedName name="UNI20175_26">#REF!</definedName>
    <definedName name="UNI20185_14">#REF!</definedName>
    <definedName name="UNI20185_18">#REF!</definedName>
    <definedName name="UNI20185_21">#REF!</definedName>
    <definedName name="UNI20185_22">#REF!</definedName>
    <definedName name="UNI20185_25">#REF!</definedName>
    <definedName name="UNI20185_26">#REF!</definedName>
    <definedName name="UNI20190_14">#REF!</definedName>
    <definedName name="UNI20190_18">#REF!</definedName>
    <definedName name="UNI20190_21">#REF!</definedName>
    <definedName name="UNI20190_22">#REF!</definedName>
    <definedName name="UNI20190_25">#REF!</definedName>
    <definedName name="UNI20190_26">#REF!</definedName>
    <definedName name="UNI20195_14">#REF!</definedName>
    <definedName name="UNI20195_18">#REF!</definedName>
    <definedName name="UNI20195_21">#REF!</definedName>
    <definedName name="UNI20195_22">#REF!</definedName>
    <definedName name="UNI20195_25">#REF!</definedName>
    <definedName name="UNI20195_26">#REF!</definedName>
    <definedName name="UNI20210_14">#REF!</definedName>
    <definedName name="UNI20210_18">#REF!</definedName>
    <definedName name="UNI20210_21">#REF!</definedName>
    <definedName name="UNI20210_22">#REF!</definedName>
    <definedName name="UNI20210_25">#REF!</definedName>
    <definedName name="UNI20210_26">#REF!</definedName>
    <definedName name="VAL11100_22">#REF!</definedName>
    <definedName name="VAL11100_25">#REF!</definedName>
    <definedName name="VAL11100_26">#REF!</definedName>
    <definedName name="VAL11110_22">#REF!</definedName>
    <definedName name="VAL11110_25">#REF!</definedName>
    <definedName name="VAL11110_26">#REF!</definedName>
    <definedName name="VAL11115_22">#REF!</definedName>
    <definedName name="VAL11115_25">#REF!</definedName>
    <definedName name="VAL11115_26">#REF!</definedName>
    <definedName name="VAL11125_22">#REF!</definedName>
    <definedName name="VAL11125_25">#REF!</definedName>
    <definedName name="VAL11125_26">#REF!</definedName>
    <definedName name="VAL11130_22">#REF!</definedName>
    <definedName name="VAL11130_25">#REF!</definedName>
    <definedName name="VAL11130_26">#REF!</definedName>
    <definedName name="VAL11135_22">#REF!</definedName>
    <definedName name="VAL11135_25">#REF!</definedName>
    <definedName name="VAL11135_26">#REF!</definedName>
    <definedName name="VAL11145_22">#REF!</definedName>
    <definedName name="VAL11145_25">#REF!</definedName>
    <definedName name="VAL11145_26">#REF!</definedName>
    <definedName name="VAL11150_22">#REF!</definedName>
    <definedName name="VAL11150_25">#REF!</definedName>
    <definedName name="VAL11150_26">#REF!</definedName>
    <definedName name="VAL11165_22">#REF!</definedName>
    <definedName name="VAL11165_25">#REF!</definedName>
    <definedName name="VAL11165_26">#REF!</definedName>
    <definedName name="VAL11170_22">#REF!</definedName>
    <definedName name="VAL11170_25">#REF!</definedName>
    <definedName name="VAL11170_26">#REF!</definedName>
    <definedName name="VAL11180_22">#REF!</definedName>
    <definedName name="VAL11180_25">#REF!</definedName>
    <definedName name="VAL11180_26">#REF!</definedName>
    <definedName name="VAL11185_22">#REF!</definedName>
    <definedName name="VAL11185_25">#REF!</definedName>
    <definedName name="VAL11185_26">#REF!</definedName>
    <definedName name="VAL11220_22">#REF!</definedName>
    <definedName name="VAL11220_25">#REF!</definedName>
    <definedName name="VAL11220_26">#REF!</definedName>
    <definedName name="VAL12105_22">#REF!</definedName>
    <definedName name="VAL12105_25">#REF!</definedName>
    <definedName name="VAL12105_26">#REF!</definedName>
    <definedName name="VAL12555_22">#REF!</definedName>
    <definedName name="VAL12555_25">#REF!</definedName>
    <definedName name="VAL12555_26">#REF!</definedName>
    <definedName name="VAL12570_22">#REF!</definedName>
    <definedName name="VAL12570_25">#REF!</definedName>
    <definedName name="VAL12570_26">#REF!</definedName>
    <definedName name="VAL12575_22">#REF!</definedName>
    <definedName name="VAL12575_25">#REF!</definedName>
    <definedName name="VAL12575_26">#REF!</definedName>
    <definedName name="VAL12580_22">#REF!</definedName>
    <definedName name="VAL12580_25">#REF!</definedName>
    <definedName name="VAL12580_26">#REF!</definedName>
    <definedName name="VAL12600_22">#REF!</definedName>
    <definedName name="VAL12600_25">#REF!</definedName>
    <definedName name="VAL12600_26">#REF!</definedName>
    <definedName name="VAL12610_22">#REF!</definedName>
    <definedName name="VAL12610_25">#REF!</definedName>
    <definedName name="VAL12610_26">#REF!</definedName>
    <definedName name="VAL12630_22">#REF!</definedName>
    <definedName name="VAL12630_25">#REF!</definedName>
    <definedName name="VAL12630_26">#REF!</definedName>
    <definedName name="VAL12631_22">#REF!</definedName>
    <definedName name="VAL12631_25">#REF!</definedName>
    <definedName name="VAL12631_26">#REF!</definedName>
    <definedName name="VAL12640_22">#REF!</definedName>
    <definedName name="VAL12640_25">#REF!</definedName>
    <definedName name="VAL12640_26">#REF!</definedName>
    <definedName name="VAL12645_22">#REF!</definedName>
    <definedName name="VAL12645_25">#REF!</definedName>
    <definedName name="VAL12645_26">#REF!</definedName>
    <definedName name="VAL12665_22">#REF!</definedName>
    <definedName name="VAL12665_25">#REF!</definedName>
    <definedName name="VAL12665_26">#REF!</definedName>
    <definedName name="VAL12690_22">#REF!</definedName>
    <definedName name="VAL12690_25">#REF!</definedName>
    <definedName name="VAL12690_26">#REF!</definedName>
    <definedName name="VAL12700_22">#REF!</definedName>
    <definedName name="VAL12700_25">#REF!</definedName>
    <definedName name="VAL12700_26">#REF!</definedName>
    <definedName name="VAL12710_22">#REF!</definedName>
    <definedName name="VAL12710_25">#REF!</definedName>
    <definedName name="VAL12710_26">#REF!</definedName>
    <definedName name="VAL13111_22">#REF!</definedName>
    <definedName name="VAL13111_25">#REF!</definedName>
    <definedName name="VAL13111_26">#REF!</definedName>
    <definedName name="VAL13112_14">#REF!</definedName>
    <definedName name="VAL13112_16">#REF!</definedName>
    <definedName name="VAL13112_18">#REF!</definedName>
    <definedName name="VAL13112_18_1">#REF!</definedName>
    <definedName name="VAL13112_19">#REF!</definedName>
    <definedName name="VAL13112_21">#REF!</definedName>
    <definedName name="VAL13112_22">#REF!</definedName>
    <definedName name="VAL13112_25">#REF!</definedName>
    <definedName name="VAL13112_26">#REF!</definedName>
    <definedName name="VAL13121_22">#REF!</definedName>
    <definedName name="VAL13121_25">#REF!</definedName>
    <definedName name="VAL13121_26">#REF!</definedName>
    <definedName name="VAL13720_22">#REF!</definedName>
    <definedName name="VAL13720_25">#REF!</definedName>
    <definedName name="VAL13720_26">#REF!</definedName>
    <definedName name="VAL14100_22">#REF!</definedName>
    <definedName name="VAL14100_25">#REF!</definedName>
    <definedName name="VAL14100_26">#REF!</definedName>
    <definedName name="VAL14161_22">#REF!</definedName>
    <definedName name="VAL14161_25">#REF!</definedName>
    <definedName name="VAL14161_26">#REF!</definedName>
    <definedName name="VAL14195_22">#REF!</definedName>
    <definedName name="VAL14195_25">#REF!</definedName>
    <definedName name="VAL14195_26">#REF!</definedName>
    <definedName name="VAL14205_22">#REF!</definedName>
    <definedName name="VAL14205_25">#REF!</definedName>
    <definedName name="VAL14205_26">#REF!</definedName>
    <definedName name="VAL14260_22">#REF!</definedName>
    <definedName name="VAL14260_25">#REF!</definedName>
    <definedName name="VAL14260_26">#REF!</definedName>
    <definedName name="VAL14500_22">#REF!</definedName>
    <definedName name="VAL14500_25">#REF!</definedName>
    <definedName name="VAL14500_26">#REF!</definedName>
    <definedName name="VAL14515_22">#REF!</definedName>
    <definedName name="VAL14515_25">#REF!</definedName>
    <definedName name="VAL14515_26">#REF!</definedName>
    <definedName name="VAL14555_22">#REF!</definedName>
    <definedName name="VAL14555_25">#REF!</definedName>
    <definedName name="VAL14555_26">#REF!</definedName>
    <definedName name="VAL14565_22">#REF!</definedName>
    <definedName name="VAL14565_25">#REF!</definedName>
    <definedName name="VAL14565_26">#REF!</definedName>
    <definedName name="VAL15135_22">#REF!</definedName>
    <definedName name="VAL15135_25">#REF!</definedName>
    <definedName name="VAL15135_26">#REF!</definedName>
    <definedName name="VAL15140_22">#REF!</definedName>
    <definedName name="VAL15140_25">#REF!</definedName>
    <definedName name="VAL15140_26">#REF!</definedName>
    <definedName name="VAL15195_22">#REF!</definedName>
    <definedName name="VAL15195_25">#REF!</definedName>
    <definedName name="VAL15195_26">#REF!</definedName>
    <definedName name="VAL15225_22">#REF!</definedName>
    <definedName name="VAL15225_25">#REF!</definedName>
    <definedName name="VAL15225_26">#REF!</definedName>
    <definedName name="VAL15230_22">#REF!</definedName>
    <definedName name="VAL15230_25">#REF!</definedName>
    <definedName name="VAL15230_26">#REF!</definedName>
    <definedName name="VAL15515_22">#REF!</definedName>
    <definedName name="VAL15515_25">#REF!</definedName>
    <definedName name="VAL15515_26">#REF!</definedName>
    <definedName name="VAL15560_22">#REF!</definedName>
    <definedName name="VAL15560_25">#REF!</definedName>
    <definedName name="VAL15560_26">#REF!</definedName>
    <definedName name="VAL15565_22">#REF!</definedName>
    <definedName name="VAL15565_25">#REF!</definedName>
    <definedName name="VAL15565_26">#REF!</definedName>
    <definedName name="VAL15570_22">#REF!</definedName>
    <definedName name="VAL15570_25">#REF!</definedName>
    <definedName name="VAL15570_26">#REF!</definedName>
    <definedName name="VAL15575_22">#REF!</definedName>
    <definedName name="VAL15575_25">#REF!</definedName>
    <definedName name="VAL15575_26">#REF!</definedName>
    <definedName name="VAL15583_22">#REF!</definedName>
    <definedName name="VAL15583_25">#REF!</definedName>
    <definedName name="VAL15583_26">#REF!</definedName>
    <definedName name="VAL15590_22">#REF!</definedName>
    <definedName name="VAL15590_25">#REF!</definedName>
    <definedName name="VAL15590_26">#REF!</definedName>
    <definedName name="VAL15591_22">#REF!</definedName>
    <definedName name="VAL15591_25">#REF!</definedName>
    <definedName name="VAL15591_26">#REF!</definedName>
    <definedName name="VAL15610_22">#REF!</definedName>
    <definedName name="VAL15610_25">#REF!</definedName>
    <definedName name="VAL15610_26">#REF!</definedName>
    <definedName name="VAL15625_22">#REF!</definedName>
    <definedName name="VAL15625_25">#REF!</definedName>
    <definedName name="VAL15625_26">#REF!</definedName>
    <definedName name="VAL15635_22">#REF!</definedName>
    <definedName name="VAL15635_25">#REF!</definedName>
    <definedName name="VAL15635_26">#REF!</definedName>
    <definedName name="VAL15655_22">#REF!</definedName>
    <definedName name="VAL15655_25">#REF!</definedName>
    <definedName name="VAL15655_26">#REF!</definedName>
    <definedName name="VAL15665_22">#REF!</definedName>
    <definedName name="VAL15665_25">#REF!</definedName>
    <definedName name="VAL15665_26">#REF!</definedName>
    <definedName name="VAL16515_22">#REF!</definedName>
    <definedName name="VAL16515_25">#REF!</definedName>
    <definedName name="VAL16515_26">#REF!</definedName>
    <definedName name="VAL16535_22">#REF!</definedName>
    <definedName name="VAL16535_25">#REF!</definedName>
    <definedName name="VAL16535_26">#REF!</definedName>
    <definedName name="VAL17140_22">#REF!</definedName>
    <definedName name="VAL17140_25">#REF!</definedName>
    <definedName name="VAL17140_26">#REF!</definedName>
    <definedName name="VAL19500_22">#REF!</definedName>
    <definedName name="VAL19500_25">#REF!</definedName>
    <definedName name="VAL19500_26">#REF!</definedName>
    <definedName name="VAL19501_22">#REF!</definedName>
    <definedName name="VAL19501_25">#REF!</definedName>
    <definedName name="VAL19501_26">#REF!</definedName>
    <definedName name="VAL19502_22">#REF!</definedName>
    <definedName name="VAL19502_25">#REF!</definedName>
    <definedName name="VAL19502_26">#REF!</definedName>
    <definedName name="VAL19503_22">#REF!</definedName>
    <definedName name="VAL19503_25">#REF!</definedName>
    <definedName name="VAL19503_26">#REF!</definedName>
    <definedName name="VAL19504_22">#REF!</definedName>
    <definedName name="VAL19504_25">#REF!</definedName>
    <definedName name="VAL19504_26">#REF!</definedName>
    <definedName name="VAL19505_22">#REF!</definedName>
    <definedName name="VAL19505_25">#REF!</definedName>
    <definedName name="VAL19505_26">#REF!</definedName>
    <definedName name="VAL20100_22">#REF!</definedName>
    <definedName name="VAL20100_25">#REF!</definedName>
    <definedName name="VAL20100_26">#REF!</definedName>
    <definedName name="VAL20105_14">#REF!</definedName>
    <definedName name="VAL20105_18">#REF!</definedName>
    <definedName name="VAL20105_21">#REF!</definedName>
    <definedName name="VAL20105_22">#REF!</definedName>
    <definedName name="VAL20105_25">#REF!</definedName>
    <definedName name="VAL20105_26">#REF!</definedName>
    <definedName name="VAL20110_14">#REF!</definedName>
    <definedName name="VAL20110_18">#REF!</definedName>
    <definedName name="VAL20110_21">#REF!</definedName>
    <definedName name="VAL20110_22">#REF!</definedName>
    <definedName name="VAL20110_25">#REF!</definedName>
    <definedName name="VAL20110_26">#REF!</definedName>
    <definedName name="VAL20115_14">#REF!</definedName>
    <definedName name="VAL20115_18">#REF!</definedName>
    <definedName name="VAL20115_21">#REF!</definedName>
    <definedName name="VAL20115_22">#REF!</definedName>
    <definedName name="VAL20115_25">#REF!</definedName>
    <definedName name="VAL20115_26">#REF!</definedName>
    <definedName name="VAL20130_14">#REF!</definedName>
    <definedName name="VAL20130_18">#REF!</definedName>
    <definedName name="VAL20130_21">#REF!</definedName>
    <definedName name="VAL20130_22">#REF!</definedName>
    <definedName name="VAL20130_25">#REF!</definedName>
    <definedName name="VAL20130_26">#REF!</definedName>
    <definedName name="VAL20135_14">#REF!</definedName>
    <definedName name="VAL20135_18">#REF!</definedName>
    <definedName name="VAL20135_21">#REF!</definedName>
    <definedName name="VAL20135_22">#REF!</definedName>
    <definedName name="VAL20135_25">#REF!</definedName>
    <definedName name="VAL20135_26">#REF!</definedName>
    <definedName name="VAL20140_14">#REF!</definedName>
    <definedName name="VAL20140_18">#REF!</definedName>
    <definedName name="VAL20140_21">#REF!</definedName>
    <definedName name="VAL20140_22">#REF!</definedName>
    <definedName name="VAL20140_25">#REF!</definedName>
    <definedName name="VAL20140_26">#REF!</definedName>
    <definedName name="VAL20145_14">#REF!</definedName>
    <definedName name="VAL20145_18">#REF!</definedName>
    <definedName name="VAL20145_21">#REF!</definedName>
    <definedName name="VAL20145_22">#REF!</definedName>
    <definedName name="VAL20145_25">#REF!</definedName>
    <definedName name="VAL20145_26">#REF!</definedName>
    <definedName name="VAL20150_14">#REF!</definedName>
    <definedName name="VAL20150_18">#REF!</definedName>
    <definedName name="VAL20150_21">#REF!</definedName>
    <definedName name="VAL20150_22">#REF!</definedName>
    <definedName name="VAL20150_25">#REF!</definedName>
    <definedName name="VAL20150_26">#REF!</definedName>
    <definedName name="VAL20155_14">#REF!</definedName>
    <definedName name="VAL20155_18">#REF!</definedName>
    <definedName name="VAL20155_21">#REF!</definedName>
    <definedName name="VAL20155_22">#REF!</definedName>
    <definedName name="VAL20155_25">#REF!</definedName>
    <definedName name="VAL20155_26">#REF!</definedName>
    <definedName name="VAL20175_14">#REF!</definedName>
    <definedName name="VAL20175_18">#REF!</definedName>
    <definedName name="VAL20175_21">#REF!</definedName>
    <definedName name="VAL20175_22">#REF!</definedName>
    <definedName name="VAL20175_25">#REF!</definedName>
    <definedName name="VAL20175_26">#REF!</definedName>
    <definedName name="VAL20185_14">#REF!</definedName>
    <definedName name="VAL20185_18">#REF!</definedName>
    <definedName name="VAL20185_21">#REF!</definedName>
    <definedName name="VAL20185_22">#REF!</definedName>
    <definedName name="VAL20185_25">#REF!</definedName>
    <definedName name="VAL20185_26">#REF!</definedName>
    <definedName name="VAL20190_14">#REF!</definedName>
    <definedName name="VAL20190_18">#REF!</definedName>
    <definedName name="VAL20190_21">#REF!</definedName>
    <definedName name="VAL20190_22">#REF!</definedName>
    <definedName name="VAL20190_25">#REF!</definedName>
    <definedName name="VAL20190_26">#REF!</definedName>
    <definedName name="VAL20195_14">#REF!</definedName>
    <definedName name="VAL20195_18">#REF!</definedName>
    <definedName name="VAL20195_21">#REF!</definedName>
    <definedName name="VAL20195_22">#REF!</definedName>
    <definedName name="VAL20195_25">#REF!</definedName>
    <definedName name="VAL20195_26">#REF!</definedName>
    <definedName name="VAL20210_14">#REF!</definedName>
    <definedName name="VAL20210_18">#REF!</definedName>
    <definedName name="VAL20210_21">#REF!</definedName>
    <definedName name="VAL20210_22">#REF!</definedName>
    <definedName name="VAL20210_25">#REF!</definedName>
    <definedName name="VAL20210_26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96" uniqueCount="82">
  <si>
    <t>Empresa Brasileira de Infraestrutura Aeroportuária</t>
  </si>
  <si>
    <t xml:space="preserve">Superintendência de Engenharia </t>
  </si>
  <si>
    <t>Gerência de Obras - OBRJ</t>
  </si>
  <si>
    <t>CRONOGRAMA FÍSICO-FINANCEIRO</t>
  </si>
  <si>
    <t>CÓDIGO DO DOCUMENTO</t>
  </si>
  <si>
    <t>SP.02/105.96/002386/00</t>
  </si>
  <si>
    <t>TÍTULO</t>
  </si>
  <si>
    <t>ELABORACAO DE PROJETO EXECUTIVO E EXECUCAO DAS OBRAS E SERVICOS DE FRESAGEM DO REVESTIMENTO ASFÁLTICO EXISTENTE, EXECUÇÃO DE CAMADA ESTRUTURAL DE CONCRETO ASFÁTICO (CBUQ), E EXECUÇÃO DE CAMADA SUPERFICIAL POROSA DE ATRITO (CPA) NA PISTA DE POUSO E DECOLAGEM 17R/35L E SERVIÇOS COMPLEMENTARES NO AEROPORTO DE CONGONHAS/SP</t>
  </si>
  <si>
    <t>ITEM</t>
  </si>
  <si>
    <t>DESCRIÇÃO</t>
  </si>
  <si>
    <t>MÊS 1</t>
  </si>
  <si>
    <t>MÊS 2</t>
  </si>
  <si>
    <t>MÊS 3</t>
  </si>
  <si>
    <t>10</t>
  </si>
  <si>
    <t>15</t>
  </si>
  <si>
    <t>20</t>
  </si>
  <si>
    <t>25</t>
  </si>
  <si>
    <t>30</t>
  </si>
  <si>
    <t>PARTE I</t>
  </si>
  <si>
    <t>1.0</t>
  </si>
  <si>
    <t>Serviços Preliminares e Canteiro</t>
  </si>
  <si>
    <t>01.01.001</t>
  </si>
  <si>
    <t>Mobilização de pessoal, máquinas e equipamentos.</t>
  </si>
  <si>
    <t>01.02..001</t>
  </si>
  <si>
    <t>Desmobilização de pessoal, máquinas e equipamentos.</t>
  </si>
  <si>
    <t>01.03.001</t>
  </si>
  <si>
    <t>Instalação do canteiro de obra inclusive instalações provisórias de água, esgoto e energia elétrica e placa de obra</t>
  </si>
  <si>
    <t>01.03.002</t>
  </si>
  <si>
    <t>Desmontagem canteiro de obra</t>
  </si>
  <si>
    <t>01.04.001</t>
  </si>
  <si>
    <t>Operação e Manutenção do Canteiro</t>
  </si>
  <si>
    <t>01.05.001</t>
  </si>
  <si>
    <t>Administração Local</t>
  </si>
  <si>
    <t>01.06.001</t>
  </si>
  <si>
    <t>Execução de Plano de Controle Ambiental de Obras - PCAO</t>
  </si>
  <si>
    <t>PARTE II</t>
  </si>
  <si>
    <t>02.01</t>
  </si>
  <si>
    <t>Levantamentos e Projetos</t>
  </si>
  <si>
    <t>02.01.001</t>
  </si>
  <si>
    <t>Levantamento Topográfico Primitivo</t>
  </si>
  <si>
    <t>02.01.002</t>
  </si>
  <si>
    <t>Levantamento Topográfico após Pavimentação</t>
  </si>
  <si>
    <t>02.01.003</t>
  </si>
  <si>
    <t>Projetos Executivos</t>
  </si>
  <si>
    <t>02.01.004 a 02.01.008</t>
  </si>
  <si>
    <t>Aprovação dos Materiais, traço e execução de trechos experimentais do CBUQ e CPA</t>
  </si>
  <si>
    <t>02.02</t>
  </si>
  <si>
    <t>Serviços Técnicos de Pavimentação</t>
  </si>
  <si>
    <t>02.02.001 e 02.02.002</t>
  </si>
  <si>
    <t>Fresagem de Pavimento Flexível, Carga, Transporte até Local de Bota Fora, Descarga e Indenização para Tratamento do Material</t>
  </si>
  <si>
    <t>02.02.003 a 02.02.007</t>
  </si>
  <si>
    <t>Selagem de Trincas, Pintura de Ligação, Execução da Pavimentação em CBUQ e CPA</t>
  </si>
  <si>
    <t>02.02.008</t>
  </si>
  <si>
    <t>Execução de grooving</t>
  </si>
  <si>
    <t>02.03</t>
  </si>
  <si>
    <t>Pintura de sinalização horizontal</t>
  </si>
  <si>
    <t>02.03.001 a 02.03.002</t>
  </si>
  <si>
    <t>02.04</t>
  </si>
  <si>
    <t>Sinalização de interdição de pista</t>
  </si>
  <si>
    <t>02.04.001 a 02.04.008</t>
  </si>
  <si>
    <t>02.05</t>
  </si>
  <si>
    <t>Remoção e adequação das luminárias de balizamento</t>
  </si>
  <si>
    <t>02.05.001 a 02.04.008</t>
  </si>
  <si>
    <t>02.06</t>
  </si>
  <si>
    <t>Iluminação Especifica para os Sistemas de Pavimentação</t>
  </si>
  <si>
    <t>02.06.001</t>
  </si>
  <si>
    <t>Torres de iluminação</t>
  </si>
  <si>
    <t>PARTE III</t>
  </si>
  <si>
    <t>03.01</t>
  </si>
  <si>
    <t>Limpeza da Obra</t>
  </si>
  <si>
    <t>03.01.001</t>
  </si>
  <si>
    <t>Limpeza da obra - Verificação da superfície do pavimento da PPD para liberação das operações</t>
  </si>
  <si>
    <t>03.02</t>
  </si>
  <si>
    <t>Relatórios e medições de atrito, macrotextura e IRI</t>
  </si>
  <si>
    <t>03.02.001 a 03.02.003</t>
  </si>
  <si>
    <t>% MÊS</t>
  </si>
  <si>
    <t>% TOTAL ACUMULADO</t>
  </si>
  <si>
    <t>VALOR</t>
  </si>
  <si>
    <t>%</t>
  </si>
  <si>
    <t>TOTAL MÊS</t>
  </si>
  <si>
    <t>TOTAL ACUMULADO</t>
  </si>
  <si>
    <t>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&quot;R$&quot;\ #,##0.00;[Red]&quot;R$&quot;\ #,##0.00"/>
    <numFmt numFmtId="165" formatCode="0.000%"/>
    <numFmt numFmtId="166" formatCode="0.0%"/>
  </numFmts>
  <fonts count="1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4"/>
      <color indexed="8"/>
      <name val="Arial"/>
      <family val="2"/>
    </font>
    <font>
      <b/>
      <sz val="16"/>
      <color indexed="8"/>
      <name val="Arial"/>
      <family val="2"/>
    </font>
    <font>
      <b/>
      <sz val="10"/>
      <name val="Arial"/>
      <family val="2"/>
    </font>
    <font>
      <b/>
      <sz val="14"/>
      <color rgb="FFFF0000"/>
      <name val="Arial"/>
      <family val="2"/>
    </font>
    <font>
      <b/>
      <sz val="14"/>
      <name val="Arial"/>
      <family val="2"/>
    </font>
    <font>
      <b/>
      <sz val="12"/>
      <color indexed="8"/>
      <name val="Arial"/>
      <family val="2"/>
    </font>
    <font>
      <b/>
      <sz val="10"/>
      <color indexed="8"/>
      <name val="Arial"/>
      <family val="2"/>
    </font>
    <font>
      <sz val="10"/>
      <color indexed="8"/>
      <name val="Arial"/>
      <family val="2"/>
    </font>
    <font>
      <b/>
      <sz val="10"/>
      <color theme="0"/>
      <name val="Arial"/>
      <family val="2"/>
    </font>
    <font>
      <sz val="10"/>
      <color rgb="FFFF0000"/>
      <name val="Arial"/>
      <family val="2"/>
    </font>
    <font>
      <b/>
      <sz val="8"/>
      <name val="Arial"/>
      <family val="2"/>
    </font>
    <font>
      <sz val="8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-0.49998474074526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indexed="9"/>
        <bgColor indexed="64"/>
      </patternFill>
    </fill>
  </fills>
  <borders count="4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0" fontId="2" fillId="0" borderId="0"/>
  </cellStyleXfs>
  <cellXfs count="210">
    <xf numFmtId="0" fontId="0" fillId="0" borderId="0" xfId="0"/>
    <xf numFmtId="4" fontId="2" fillId="0" borderId="2" xfId="2" applyNumberFormat="1" applyBorder="1"/>
    <xf numFmtId="4" fontId="2" fillId="0" borderId="3" xfId="2" applyNumberFormat="1" applyBorder="1"/>
    <xf numFmtId="4" fontId="2" fillId="0" borderId="0" xfId="2" applyNumberFormat="1"/>
    <xf numFmtId="4" fontId="2" fillId="0" borderId="5" xfId="2" applyNumberFormat="1" applyBorder="1"/>
    <xf numFmtId="4" fontId="2" fillId="0" borderId="6" xfId="2" applyNumberFormat="1" applyBorder="1"/>
    <xf numFmtId="4" fontId="2" fillId="0" borderId="7" xfId="2" applyNumberFormat="1" applyBorder="1"/>
    <xf numFmtId="4" fontId="2" fillId="0" borderId="8" xfId="2" applyNumberFormat="1" applyBorder="1"/>
    <xf numFmtId="4" fontId="2" fillId="0" borderId="9" xfId="2" applyNumberFormat="1" applyBorder="1"/>
    <xf numFmtId="0" fontId="5" fillId="0" borderId="1" xfId="0" applyFont="1" applyBorder="1" applyAlignment="1">
      <alignment vertical="center"/>
    </xf>
    <xf numFmtId="1" fontId="11" fillId="3" borderId="24" xfId="2" applyNumberFormat="1" applyFont="1" applyFill="1" applyBorder="1" applyAlignment="1">
      <alignment horizontal="center" vertical="center" wrapText="1"/>
    </xf>
    <xf numFmtId="1" fontId="9" fillId="3" borderId="20" xfId="2" applyNumberFormat="1" applyFont="1" applyFill="1" applyBorder="1" applyAlignment="1">
      <alignment horizontal="left" vertical="center" wrapText="1"/>
    </xf>
    <xf numFmtId="164" fontId="11" fillId="3" borderId="20" xfId="2" applyNumberFormat="1" applyFont="1" applyFill="1" applyBorder="1" applyAlignment="1">
      <alignment horizontal="center" vertical="center"/>
    </xf>
    <xf numFmtId="4" fontId="9" fillId="3" borderId="19" xfId="2" applyNumberFormat="1" applyFont="1" applyFill="1" applyBorder="1" applyAlignment="1">
      <alignment horizontal="center"/>
    </xf>
    <xf numFmtId="4" fontId="9" fillId="3" borderId="20" xfId="2" applyNumberFormat="1" applyFont="1" applyFill="1" applyBorder="1" applyAlignment="1">
      <alignment horizontal="center"/>
    </xf>
    <xf numFmtId="164" fontId="11" fillId="3" borderId="23" xfId="2" applyNumberFormat="1" applyFont="1" applyFill="1" applyBorder="1" applyAlignment="1">
      <alignment horizontal="center" vertical="center"/>
    </xf>
    <xf numFmtId="164" fontId="11" fillId="3" borderId="8" xfId="2" applyNumberFormat="1" applyFont="1" applyFill="1" applyBorder="1" applyAlignment="1">
      <alignment horizontal="center" vertical="center"/>
    </xf>
    <xf numFmtId="4" fontId="2" fillId="3" borderId="0" xfId="2" applyNumberFormat="1" applyFill="1"/>
    <xf numFmtId="4" fontId="2" fillId="3" borderId="5" xfId="2" applyNumberFormat="1" applyFill="1" applyBorder="1"/>
    <xf numFmtId="1" fontId="9" fillId="4" borderId="25" xfId="2" applyNumberFormat="1" applyFont="1" applyFill="1" applyBorder="1" applyAlignment="1">
      <alignment horizontal="center" vertical="center" wrapText="1"/>
    </xf>
    <xf numFmtId="1" fontId="9" fillId="4" borderId="26" xfId="2" applyNumberFormat="1" applyFont="1" applyFill="1" applyBorder="1" applyAlignment="1">
      <alignment horizontal="left" vertical="center" wrapText="1"/>
    </xf>
    <xf numFmtId="4" fontId="10" fillId="4" borderId="19" xfId="2" applyNumberFormat="1" applyFont="1" applyFill="1" applyBorder="1" applyAlignment="1">
      <alignment horizontal="center"/>
    </xf>
    <xf numFmtId="4" fontId="10" fillId="4" borderId="20" xfId="2" applyNumberFormat="1" applyFont="1" applyFill="1" applyBorder="1" applyAlignment="1">
      <alignment horizontal="center"/>
    </xf>
    <xf numFmtId="4" fontId="12" fillId="4" borderId="20" xfId="2" applyNumberFormat="1" applyFont="1" applyFill="1" applyBorder="1"/>
    <xf numFmtId="4" fontId="12" fillId="4" borderId="22" xfId="2" applyNumberFormat="1" applyFont="1" applyFill="1" applyBorder="1"/>
    <xf numFmtId="4" fontId="10" fillId="5" borderId="20" xfId="2" applyNumberFormat="1" applyFont="1" applyFill="1" applyBorder="1"/>
    <xf numFmtId="164" fontId="9" fillId="5" borderId="20" xfId="2" applyNumberFormat="1" applyFont="1" applyFill="1" applyBorder="1" applyAlignment="1">
      <alignment horizontal="center" vertical="center"/>
    </xf>
    <xf numFmtId="164" fontId="9" fillId="2" borderId="20" xfId="2" applyNumberFormat="1" applyFont="1" applyFill="1" applyBorder="1" applyAlignment="1">
      <alignment horizontal="center" vertical="center"/>
    </xf>
    <xf numFmtId="4" fontId="2" fillId="2" borderId="0" xfId="2" applyNumberFormat="1" applyFill="1"/>
    <xf numFmtId="4" fontId="10" fillId="2" borderId="20" xfId="2" applyNumberFormat="1" applyFont="1" applyFill="1" applyBorder="1"/>
    <xf numFmtId="164" fontId="9" fillId="2" borderId="19" xfId="2" applyNumberFormat="1" applyFont="1" applyFill="1" applyBorder="1" applyAlignment="1">
      <alignment horizontal="center" vertical="center"/>
    </xf>
    <xf numFmtId="4" fontId="10" fillId="5" borderId="0" xfId="2" applyNumberFormat="1" applyFont="1" applyFill="1"/>
    <xf numFmtId="4" fontId="10" fillId="5" borderId="5" xfId="2" applyNumberFormat="1" applyFont="1" applyFill="1" applyBorder="1"/>
    <xf numFmtId="164" fontId="9" fillId="5" borderId="0" xfId="2" applyNumberFormat="1" applyFont="1" applyFill="1" applyAlignment="1">
      <alignment horizontal="center" vertical="center"/>
    </xf>
    <xf numFmtId="164" fontId="9" fillId="5" borderId="5" xfId="2" applyNumberFormat="1" applyFont="1" applyFill="1" applyBorder="1" applyAlignment="1">
      <alignment horizontal="center" vertical="center"/>
    </xf>
    <xf numFmtId="4" fontId="10" fillId="2" borderId="19" xfId="2" applyNumberFormat="1" applyFont="1" applyFill="1" applyBorder="1"/>
    <xf numFmtId="0" fontId="0" fillId="2" borderId="20" xfId="0" applyFill="1" applyBorder="1"/>
    <xf numFmtId="0" fontId="0" fillId="5" borderId="20" xfId="0" applyFill="1" applyBorder="1"/>
    <xf numFmtId="4" fontId="2" fillId="2" borderId="20" xfId="2" applyNumberFormat="1" applyFill="1" applyBorder="1"/>
    <xf numFmtId="4" fontId="2" fillId="2" borderId="22" xfId="2" applyNumberFormat="1" applyFill="1" applyBorder="1"/>
    <xf numFmtId="4" fontId="10" fillId="5" borderId="22" xfId="2" applyNumberFormat="1" applyFont="1" applyFill="1" applyBorder="1"/>
    <xf numFmtId="164" fontId="9" fillId="5" borderId="22" xfId="2" applyNumberFormat="1" applyFont="1" applyFill="1" applyBorder="1" applyAlignment="1">
      <alignment horizontal="center" vertical="center"/>
    </xf>
    <xf numFmtId="164" fontId="9" fillId="5" borderId="19" xfId="2" applyNumberFormat="1" applyFont="1" applyFill="1" applyBorder="1" applyAlignment="1">
      <alignment horizontal="center" vertical="center"/>
    </xf>
    <xf numFmtId="164" fontId="9" fillId="5" borderId="27" xfId="2" applyNumberFormat="1" applyFont="1" applyFill="1" applyBorder="1" applyAlignment="1">
      <alignment horizontal="center" vertical="center"/>
    </xf>
    <xf numFmtId="4" fontId="2" fillId="5" borderId="0" xfId="2" applyNumberFormat="1" applyFill="1"/>
    <xf numFmtId="4" fontId="2" fillId="5" borderId="5" xfId="2" applyNumberFormat="1" applyFill="1" applyBorder="1"/>
    <xf numFmtId="4" fontId="2" fillId="5" borderId="20" xfId="2" applyNumberFormat="1" applyFill="1" applyBorder="1"/>
    <xf numFmtId="4" fontId="2" fillId="5" borderId="22" xfId="2" applyNumberFormat="1" applyFill="1" applyBorder="1"/>
    <xf numFmtId="164" fontId="11" fillId="3" borderId="27" xfId="2" applyNumberFormat="1" applyFont="1" applyFill="1" applyBorder="1" applyAlignment="1">
      <alignment horizontal="center" vertical="center"/>
    </xf>
    <xf numFmtId="164" fontId="11" fillId="3" borderId="0" xfId="2" applyNumberFormat="1" applyFont="1" applyFill="1" applyAlignment="1">
      <alignment horizontal="center" vertical="center"/>
    </xf>
    <xf numFmtId="1" fontId="9" fillId="4" borderId="28" xfId="2" applyNumberFormat="1" applyFont="1" applyFill="1" applyBorder="1" applyAlignment="1">
      <alignment horizontal="center" vertical="center" wrapText="1"/>
    </xf>
    <xf numFmtId="1" fontId="9" fillId="4" borderId="29" xfId="2" applyNumberFormat="1" applyFont="1" applyFill="1" applyBorder="1" applyAlignment="1">
      <alignment horizontal="left" vertical="center" wrapText="1"/>
    </xf>
    <xf numFmtId="4" fontId="2" fillId="4" borderId="20" xfId="2" applyNumberFormat="1" applyFill="1" applyBorder="1"/>
    <xf numFmtId="4" fontId="2" fillId="4" borderId="22" xfId="2" applyNumberFormat="1" applyFill="1" applyBorder="1"/>
    <xf numFmtId="164" fontId="9" fillId="5" borderId="19" xfId="2" applyNumberFormat="1" applyFont="1" applyFill="1" applyBorder="1" applyAlignment="1">
      <alignment vertical="center"/>
    </xf>
    <xf numFmtId="0" fontId="0" fillId="2" borderId="22" xfId="0" applyFill="1" applyBorder="1"/>
    <xf numFmtId="4" fontId="10" fillId="5" borderId="19" xfId="2" applyNumberFormat="1" applyFont="1" applyFill="1" applyBorder="1"/>
    <xf numFmtId="4" fontId="10" fillId="4" borderId="27" xfId="2" applyNumberFormat="1" applyFont="1" applyFill="1" applyBorder="1" applyAlignment="1">
      <alignment horizontal="center"/>
    </xf>
    <xf numFmtId="4" fontId="10" fillId="4" borderId="0" xfId="2" applyNumberFormat="1" applyFont="1" applyFill="1" applyAlignment="1">
      <alignment horizontal="center"/>
    </xf>
    <xf numFmtId="4" fontId="2" fillId="4" borderId="0" xfId="2" applyNumberFormat="1" applyFill="1"/>
    <xf numFmtId="4" fontId="2" fillId="4" borderId="5" xfId="2" applyNumberFormat="1" applyFill="1" applyBorder="1"/>
    <xf numFmtId="164" fontId="9" fillId="5" borderId="20" xfId="2" applyNumberFormat="1" applyFont="1" applyFill="1" applyBorder="1" applyAlignment="1">
      <alignment vertical="center"/>
    </xf>
    <xf numFmtId="0" fontId="2" fillId="2" borderId="19" xfId="2" applyFill="1" applyBorder="1" applyAlignment="1">
      <alignment horizontal="center"/>
    </xf>
    <xf numFmtId="0" fontId="2" fillId="2" borderId="20" xfId="2" applyFill="1" applyBorder="1" applyAlignment="1">
      <alignment horizontal="center"/>
    </xf>
    <xf numFmtId="0" fontId="2" fillId="2" borderId="21" xfId="2" applyFill="1" applyBorder="1" applyAlignment="1">
      <alignment horizontal="center"/>
    </xf>
    <xf numFmtId="0" fontId="2" fillId="5" borderId="20" xfId="2" applyFill="1" applyBorder="1" applyAlignment="1">
      <alignment horizontal="center"/>
    </xf>
    <xf numFmtId="164" fontId="9" fillId="2" borderId="20" xfId="2" applyNumberFormat="1" applyFont="1" applyFill="1" applyBorder="1" applyAlignment="1">
      <alignment vertical="center"/>
    </xf>
    <xf numFmtId="1" fontId="5" fillId="4" borderId="28" xfId="2" applyNumberFormat="1" applyFont="1" applyFill="1" applyBorder="1" applyAlignment="1">
      <alignment horizontal="center" vertical="center" wrapText="1"/>
    </xf>
    <xf numFmtId="1" fontId="5" fillId="4" borderId="29" xfId="2" applyNumberFormat="1" applyFont="1" applyFill="1" applyBorder="1" applyAlignment="1">
      <alignment horizontal="left" vertical="center" wrapText="1"/>
    </xf>
    <xf numFmtId="164" fontId="9" fillId="2" borderId="27" xfId="2" applyNumberFormat="1" applyFont="1" applyFill="1" applyBorder="1" applyAlignment="1">
      <alignment horizontal="center" vertical="center"/>
    </xf>
    <xf numFmtId="164" fontId="9" fillId="2" borderId="0" xfId="2" applyNumberFormat="1" applyFont="1" applyFill="1" applyAlignment="1">
      <alignment horizontal="center" vertical="center"/>
    </xf>
    <xf numFmtId="164" fontId="9" fillId="2" borderId="19" xfId="2" applyNumberFormat="1" applyFont="1" applyFill="1" applyBorder="1" applyAlignment="1">
      <alignment vertical="center"/>
    </xf>
    <xf numFmtId="4" fontId="2" fillId="2" borderId="5" xfId="2" applyNumberFormat="1" applyFill="1" applyBorder="1"/>
    <xf numFmtId="1" fontId="10" fillId="4" borderId="24" xfId="2" applyNumberFormat="1" applyFont="1" applyFill="1" applyBorder="1" applyAlignment="1">
      <alignment horizontal="center" vertical="center" wrapText="1"/>
    </xf>
    <xf numFmtId="4" fontId="9" fillId="4" borderId="18" xfId="2" applyNumberFormat="1" applyFont="1" applyFill="1" applyBorder="1" applyAlignment="1">
      <alignment horizontal="right" vertical="center"/>
    </xf>
    <xf numFmtId="4" fontId="2" fillId="0" borderId="0" xfId="2" applyNumberFormat="1" applyAlignment="1">
      <alignment vertical="justify"/>
    </xf>
    <xf numFmtId="4" fontId="13" fillId="6" borderId="0" xfId="2" applyNumberFormat="1" applyFont="1" applyFill="1" applyAlignment="1">
      <alignment horizontal="center" vertical="center"/>
    </xf>
    <xf numFmtId="4" fontId="13" fillId="6" borderId="0" xfId="2" applyNumberFormat="1" applyFont="1" applyFill="1" applyAlignment="1">
      <alignment horizontal="right" vertical="center"/>
    </xf>
    <xf numFmtId="4" fontId="14" fillId="0" borderId="0" xfId="2" applyNumberFormat="1" applyFont="1"/>
    <xf numFmtId="164" fontId="10" fillId="2" borderId="0" xfId="2" applyNumberFormat="1" applyFont="1" applyFill="1" applyAlignment="1">
      <alignment horizontal="center"/>
    </xf>
    <xf numFmtId="10" fontId="14" fillId="0" borderId="0" xfId="2" applyNumberFormat="1" applyFont="1" applyAlignment="1">
      <alignment horizontal="center"/>
    </xf>
    <xf numFmtId="4" fontId="14" fillId="0" borderId="0" xfId="2" applyNumberFormat="1" applyFont="1" applyAlignment="1">
      <alignment horizontal="center"/>
    </xf>
    <xf numFmtId="4" fontId="2" fillId="0" borderId="0" xfId="2" applyNumberFormat="1" applyAlignment="1">
      <alignment horizontal="center"/>
    </xf>
    <xf numFmtId="1" fontId="9" fillId="4" borderId="38" xfId="2" applyNumberFormat="1" applyFont="1" applyFill="1" applyBorder="1" applyAlignment="1">
      <alignment horizontal="left" vertical="center" wrapText="1"/>
    </xf>
    <xf numFmtId="1" fontId="9" fillId="4" borderId="8" xfId="2" applyNumberFormat="1" applyFont="1" applyFill="1" applyBorder="1" applyAlignment="1">
      <alignment horizontal="left" vertical="center" wrapText="1"/>
    </xf>
    <xf numFmtId="1" fontId="5" fillId="4" borderId="8" xfId="2" applyNumberFormat="1" applyFont="1" applyFill="1" applyBorder="1" applyAlignment="1">
      <alignment horizontal="left" vertical="center" wrapText="1"/>
    </xf>
    <xf numFmtId="4" fontId="9" fillId="4" borderId="20" xfId="2" applyNumberFormat="1" applyFont="1" applyFill="1" applyBorder="1" applyAlignment="1">
      <alignment horizontal="right" vertical="center"/>
    </xf>
    <xf numFmtId="4" fontId="9" fillId="2" borderId="19" xfId="2" applyNumberFormat="1" applyFont="1" applyFill="1" applyBorder="1" applyAlignment="1">
      <alignment horizontal="right" vertical="center"/>
    </xf>
    <xf numFmtId="4" fontId="9" fillId="2" borderId="34" xfId="2" applyNumberFormat="1" applyFont="1" applyFill="1" applyBorder="1" applyAlignment="1">
      <alignment horizontal="right" vertical="center"/>
    </xf>
    <xf numFmtId="1" fontId="10" fillId="0" borderId="24" xfId="2" applyNumberFormat="1" applyFont="1" applyFill="1" applyBorder="1" applyAlignment="1">
      <alignment horizontal="center" vertical="center" wrapText="1"/>
    </xf>
    <xf numFmtId="4" fontId="9" fillId="0" borderId="18" xfId="2" applyNumberFormat="1" applyFont="1" applyFill="1" applyBorder="1" applyAlignment="1">
      <alignment horizontal="right" vertical="center"/>
    </xf>
    <xf numFmtId="1" fontId="11" fillId="3" borderId="20" xfId="2" applyNumberFormat="1" applyFont="1" applyFill="1" applyBorder="1" applyAlignment="1">
      <alignment horizontal="right" vertical="center" wrapText="1"/>
    </xf>
    <xf numFmtId="4" fontId="11" fillId="3" borderId="20" xfId="2" applyNumberFormat="1" applyFont="1" applyFill="1" applyBorder="1" applyAlignment="1">
      <alignment horizontal="right"/>
    </xf>
    <xf numFmtId="4" fontId="14" fillId="0" borderId="0" xfId="2" applyNumberFormat="1" applyFont="1" applyAlignment="1">
      <alignment horizontal="center"/>
    </xf>
    <xf numFmtId="10" fontId="10" fillId="2" borderId="19" xfId="1" applyNumberFormat="1" applyFont="1" applyFill="1" applyBorder="1" applyAlignment="1">
      <alignment horizontal="center" vertical="center"/>
    </xf>
    <xf numFmtId="10" fontId="10" fillId="2" borderId="20" xfId="1" applyNumberFormat="1" applyFont="1" applyFill="1" applyBorder="1" applyAlignment="1">
      <alignment horizontal="center" vertical="center"/>
    </xf>
    <xf numFmtId="10" fontId="10" fillId="2" borderId="22" xfId="1" applyNumberFormat="1" applyFont="1" applyFill="1" applyBorder="1" applyAlignment="1">
      <alignment horizontal="center" vertical="center"/>
    </xf>
    <xf numFmtId="0" fontId="2" fillId="2" borderId="19" xfId="2" applyFill="1" applyBorder="1" applyAlignment="1">
      <alignment horizontal="center"/>
    </xf>
    <xf numFmtId="0" fontId="2" fillId="2" borderId="20" xfId="2" applyFill="1" applyBorder="1" applyAlignment="1">
      <alignment horizontal="center"/>
    </xf>
    <xf numFmtId="0" fontId="2" fillId="2" borderId="21" xfId="2" applyFill="1" applyBorder="1" applyAlignment="1">
      <alignment horizontal="center"/>
    </xf>
    <xf numFmtId="0" fontId="0" fillId="0" borderId="20" xfId="0" applyBorder="1"/>
    <xf numFmtId="0" fontId="0" fillId="0" borderId="22" xfId="0" applyBorder="1"/>
    <xf numFmtId="10" fontId="9" fillId="2" borderId="34" xfId="1" applyNumberFormat="1" applyFont="1" applyFill="1" applyBorder="1" applyAlignment="1">
      <alignment horizontal="center" vertical="center"/>
    </xf>
    <xf numFmtId="10" fontId="9" fillId="2" borderId="35" xfId="1" applyNumberFormat="1" applyFont="1" applyFill="1" applyBorder="1" applyAlignment="1">
      <alignment horizontal="center" vertical="center"/>
    </xf>
    <xf numFmtId="10" fontId="9" fillId="2" borderId="36" xfId="1" applyNumberFormat="1" applyFont="1" applyFill="1" applyBorder="1" applyAlignment="1">
      <alignment horizontal="center" vertical="center"/>
    </xf>
    <xf numFmtId="164" fontId="10" fillId="2" borderId="0" xfId="2" applyNumberFormat="1" applyFont="1" applyFill="1" applyAlignment="1">
      <alignment horizontal="center"/>
    </xf>
    <xf numFmtId="10" fontId="14" fillId="0" borderId="0" xfId="2" applyNumberFormat="1" applyFont="1" applyAlignment="1">
      <alignment horizontal="center"/>
    </xf>
    <xf numFmtId="10" fontId="0" fillId="0" borderId="35" xfId="1" applyNumberFormat="1" applyFont="1" applyBorder="1" applyAlignment="1"/>
    <xf numFmtId="10" fontId="0" fillId="0" borderId="37" xfId="1" applyNumberFormat="1" applyFont="1" applyBorder="1" applyAlignment="1"/>
    <xf numFmtId="1" fontId="10" fillId="2" borderId="17" xfId="2" applyNumberFormat="1" applyFont="1" applyFill="1" applyBorder="1" applyAlignment="1">
      <alignment horizontal="center" vertical="center" wrapText="1"/>
    </xf>
    <xf numFmtId="1" fontId="10" fillId="2" borderId="18" xfId="2" applyNumberFormat="1" applyFont="1" applyFill="1" applyBorder="1" applyAlignment="1">
      <alignment horizontal="left" vertical="center" wrapText="1"/>
    </xf>
    <xf numFmtId="4" fontId="10" fillId="2" borderId="19" xfId="2" applyNumberFormat="1" applyFont="1" applyFill="1" applyBorder="1"/>
    <xf numFmtId="0" fontId="0" fillId="0" borderId="21" xfId="0" applyBorder="1"/>
    <xf numFmtId="164" fontId="9" fillId="0" borderId="19" xfId="2" applyNumberFormat="1" applyFont="1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164" fontId="9" fillId="5" borderId="20" xfId="2" applyNumberFormat="1" applyFont="1" applyFill="1" applyBorder="1" applyAlignment="1">
      <alignment horizontal="center" vertical="center"/>
    </xf>
    <xf numFmtId="164" fontId="9" fillId="5" borderId="21" xfId="2" applyNumberFormat="1" applyFont="1" applyFill="1" applyBorder="1" applyAlignment="1">
      <alignment horizontal="center" vertical="center"/>
    </xf>
    <xf numFmtId="164" fontId="10" fillId="0" borderId="19" xfId="2" applyNumberFormat="1" applyFont="1" applyBorder="1" applyAlignment="1">
      <alignment horizontal="center" vertical="center"/>
    </xf>
    <xf numFmtId="164" fontId="10" fillId="0" borderId="20" xfId="2" applyNumberFormat="1" applyFont="1" applyBorder="1" applyAlignment="1">
      <alignment horizontal="center" vertical="center"/>
    </xf>
    <xf numFmtId="164" fontId="10" fillId="0" borderId="21" xfId="2" applyNumberFormat="1" applyFont="1" applyBorder="1" applyAlignment="1">
      <alignment horizontal="center" vertical="center"/>
    </xf>
    <xf numFmtId="10" fontId="10" fillId="0" borderId="19" xfId="1" applyNumberFormat="1" applyFont="1" applyFill="1" applyBorder="1" applyAlignment="1">
      <alignment horizontal="center" vertical="center"/>
    </xf>
    <xf numFmtId="10" fontId="10" fillId="0" borderId="20" xfId="1" applyNumberFormat="1" applyFont="1" applyFill="1" applyBorder="1" applyAlignment="1">
      <alignment horizontal="center" vertical="center"/>
    </xf>
    <xf numFmtId="10" fontId="10" fillId="0" borderId="21" xfId="1" applyNumberFormat="1" applyFont="1" applyFill="1" applyBorder="1" applyAlignment="1">
      <alignment horizontal="center" vertical="center"/>
    </xf>
    <xf numFmtId="4" fontId="9" fillId="2" borderId="17" xfId="2" applyNumberFormat="1" applyFont="1" applyFill="1" applyBorder="1" applyAlignment="1">
      <alignment horizontal="right" vertical="center"/>
    </xf>
    <xf numFmtId="4" fontId="9" fillId="2" borderId="18" xfId="2" applyNumberFormat="1" applyFont="1" applyFill="1" applyBorder="1" applyAlignment="1">
      <alignment horizontal="right" vertical="center"/>
    </xf>
    <xf numFmtId="10" fontId="9" fillId="2" borderId="19" xfId="1" applyNumberFormat="1" applyFont="1" applyFill="1" applyBorder="1" applyAlignment="1">
      <alignment horizontal="center" vertical="center"/>
    </xf>
    <xf numFmtId="10" fontId="9" fillId="2" borderId="20" xfId="1" applyNumberFormat="1" applyFont="1" applyFill="1" applyBorder="1" applyAlignment="1">
      <alignment horizontal="center" vertical="center"/>
    </xf>
    <xf numFmtId="10" fontId="9" fillId="2" borderId="21" xfId="1" applyNumberFormat="1" applyFont="1" applyFill="1" applyBorder="1" applyAlignment="1">
      <alignment horizontal="center" vertical="center"/>
    </xf>
    <xf numFmtId="10" fontId="0" fillId="0" borderId="20" xfId="1" applyNumberFormat="1" applyFont="1" applyBorder="1" applyAlignment="1"/>
    <xf numFmtId="10" fontId="0" fillId="0" borderId="22" xfId="1" applyNumberFormat="1" applyFont="1" applyBorder="1" applyAlignment="1"/>
    <xf numFmtId="4" fontId="9" fillId="2" borderId="32" xfId="2" applyNumberFormat="1" applyFont="1" applyFill="1" applyBorder="1" applyAlignment="1">
      <alignment horizontal="right" vertical="center"/>
    </xf>
    <xf numFmtId="4" fontId="9" fillId="2" borderId="33" xfId="2" applyNumberFormat="1" applyFont="1" applyFill="1" applyBorder="1" applyAlignment="1">
      <alignment horizontal="right" vertical="center"/>
    </xf>
    <xf numFmtId="1" fontId="2" fillId="2" borderId="17" xfId="2" applyNumberFormat="1" applyFill="1" applyBorder="1" applyAlignment="1">
      <alignment horizontal="center" vertical="center" wrapText="1"/>
    </xf>
    <xf numFmtId="1" fontId="2" fillId="2" borderId="18" xfId="2" applyNumberFormat="1" applyFill="1" applyBorder="1" applyAlignment="1">
      <alignment horizontal="left" vertical="center" wrapText="1"/>
    </xf>
    <xf numFmtId="0" fontId="0" fillId="5" borderId="20" xfId="0" applyFill="1" applyBorder="1"/>
    <xf numFmtId="164" fontId="9" fillId="2" borderId="19" xfId="2" applyNumberFormat="1" applyFont="1" applyFill="1" applyBorder="1" applyAlignment="1">
      <alignment horizontal="center" vertical="center"/>
    </xf>
    <xf numFmtId="164" fontId="10" fillId="2" borderId="19" xfId="2" applyNumberFormat="1" applyFont="1" applyFill="1" applyBorder="1" applyAlignment="1">
      <alignment horizontal="center" vertical="center"/>
    </xf>
    <xf numFmtId="164" fontId="10" fillId="2" borderId="20" xfId="2" applyNumberFormat="1" applyFont="1" applyFill="1" applyBorder="1" applyAlignment="1">
      <alignment horizontal="center" vertical="center"/>
    </xf>
    <xf numFmtId="164" fontId="10" fillId="2" borderId="21" xfId="2" applyNumberFormat="1" applyFont="1" applyFill="1" applyBorder="1" applyAlignment="1">
      <alignment horizontal="center" vertical="center"/>
    </xf>
    <xf numFmtId="4" fontId="10" fillId="2" borderId="29" xfId="2" applyNumberFormat="1" applyFont="1" applyFill="1" applyBorder="1" applyAlignment="1">
      <alignment horizontal="center" vertical="center" wrapText="1"/>
    </xf>
    <xf numFmtId="4" fontId="10" fillId="2" borderId="31" xfId="2" applyNumberFormat="1" applyFont="1" applyFill="1" applyBorder="1" applyAlignment="1">
      <alignment horizontal="center" vertical="center" wrapText="1"/>
    </xf>
    <xf numFmtId="4" fontId="10" fillId="2" borderId="26" xfId="2" applyNumberFormat="1" applyFont="1" applyFill="1" applyBorder="1" applyAlignment="1">
      <alignment horizontal="center" vertical="center" wrapText="1"/>
    </xf>
    <xf numFmtId="0" fontId="0" fillId="2" borderId="20" xfId="0" applyFill="1" applyBorder="1"/>
    <xf numFmtId="0" fontId="0" fillId="2" borderId="22" xfId="0" applyFill="1" applyBorder="1"/>
    <xf numFmtId="1" fontId="10" fillId="2" borderId="28" xfId="2" applyNumberFormat="1" applyFont="1" applyFill="1" applyBorder="1" applyAlignment="1">
      <alignment horizontal="center" vertical="center" wrapText="1"/>
    </xf>
    <xf numFmtId="0" fontId="0" fillId="0" borderId="30" xfId="0" applyBorder="1" applyAlignment="1">
      <alignment horizontal="center" vertical="center" wrapText="1"/>
    </xf>
    <xf numFmtId="0" fontId="0" fillId="0" borderId="25" xfId="0" applyBorder="1" applyAlignment="1">
      <alignment horizontal="center" vertical="center" wrapText="1"/>
    </xf>
    <xf numFmtId="1" fontId="10" fillId="2" borderId="29" xfId="2" applyNumberFormat="1" applyFont="1" applyFill="1" applyBorder="1" applyAlignment="1">
      <alignment horizontal="left" vertical="center" wrapText="1"/>
    </xf>
    <xf numFmtId="0" fontId="0" fillId="0" borderId="31" xfId="0" applyBorder="1" applyAlignment="1">
      <alignment horizontal="left" vertical="center" wrapText="1"/>
    </xf>
    <xf numFmtId="0" fontId="0" fillId="0" borderId="26" xfId="0" applyBorder="1" applyAlignment="1">
      <alignment horizontal="left" vertical="center" wrapText="1"/>
    </xf>
    <xf numFmtId="10" fontId="2" fillId="2" borderId="19" xfId="1" applyNumberFormat="1" applyFont="1" applyFill="1" applyBorder="1" applyAlignment="1">
      <alignment horizontal="center"/>
    </xf>
    <xf numFmtId="10" fontId="0" fillId="2" borderId="20" xfId="1" applyNumberFormat="1" applyFont="1" applyFill="1" applyBorder="1" applyAlignment="1"/>
    <xf numFmtId="10" fontId="0" fillId="2" borderId="22" xfId="1" applyNumberFormat="1" applyFont="1" applyFill="1" applyBorder="1" applyAlignment="1"/>
    <xf numFmtId="1" fontId="10" fillId="2" borderId="30" xfId="2" applyNumberFormat="1" applyFont="1" applyFill="1" applyBorder="1" applyAlignment="1">
      <alignment horizontal="center" vertical="center" wrapText="1"/>
    </xf>
    <xf numFmtId="1" fontId="10" fillId="2" borderId="25" xfId="2" applyNumberFormat="1" applyFont="1" applyFill="1" applyBorder="1" applyAlignment="1">
      <alignment horizontal="center" vertical="center" wrapText="1"/>
    </xf>
    <xf numFmtId="1" fontId="10" fillId="2" borderId="31" xfId="2" applyNumberFormat="1" applyFont="1" applyFill="1" applyBorder="1" applyAlignment="1">
      <alignment horizontal="left" vertical="center" wrapText="1"/>
    </xf>
    <xf numFmtId="1" fontId="10" fillId="2" borderId="26" xfId="2" applyNumberFormat="1" applyFont="1" applyFill="1" applyBorder="1" applyAlignment="1">
      <alignment horizontal="left" vertical="center" wrapText="1"/>
    </xf>
    <xf numFmtId="164" fontId="9" fillId="2" borderId="20" xfId="2" applyNumberFormat="1" applyFont="1" applyFill="1" applyBorder="1" applyAlignment="1">
      <alignment horizontal="center" vertical="center"/>
    </xf>
    <xf numFmtId="4" fontId="10" fillId="0" borderId="19" xfId="2" applyNumberFormat="1" applyFont="1" applyBorder="1"/>
    <xf numFmtId="4" fontId="10" fillId="5" borderId="20" xfId="2" applyNumberFormat="1" applyFont="1" applyFill="1" applyBorder="1"/>
    <xf numFmtId="0" fontId="0" fillId="5" borderId="21" xfId="0" applyFill="1" applyBorder="1"/>
    <xf numFmtId="1" fontId="2" fillId="2" borderId="29" xfId="2" applyNumberFormat="1" applyFill="1" applyBorder="1" applyAlignment="1">
      <alignment horizontal="left" vertical="center" wrapText="1"/>
    </xf>
    <xf numFmtId="1" fontId="2" fillId="2" borderId="31" xfId="2" applyNumberFormat="1" applyFill="1" applyBorder="1" applyAlignment="1">
      <alignment horizontal="left" vertical="center" wrapText="1"/>
    </xf>
    <xf numFmtId="1" fontId="2" fillId="2" borderId="26" xfId="2" applyNumberFormat="1" applyFill="1" applyBorder="1" applyAlignment="1">
      <alignment horizontal="left" vertical="center" wrapText="1"/>
    </xf>
    <xf numFmtId="166" fontId="2" fillId="2" borderId="19" xfId="1" applyNumberFormat="1" applyFont="1" applyFill="1" applyBorder="1" applyAlignment="1">
      <alignment horizontal="center"/>
    </xf>
    <xf numFmtId="166" fontId="2" fillId="2" borderId="20" xfId="1" applyNumberFormat="1" applyFont="1" applyFill="1" applyBorder="1" applyAlignment="1">
      <alignment horizontal="center"/>
    </xf>
    <xf numFmtId="166" fontId="2" fillId="2" borderId="21" xfId="1" applyNumberFormat="1" applyFont="1" applyFill="1" applyBorder="1" applyAlignment="1">
      <alignment horizontal="center"/>
    </xf>
    <xf numFmtId="4" fontId="10" fillId="5" borderId="19" xfId="2" applyNumberFormat="1" applyFont="1" applyFill="1" applyBorder="1"/>
    <xf numFmtId="4" fontId="2" fillId="0" borderId="20" xfId="2" applyNumberFormat="1" applyBorder="1"/>
    <xf numFmtId="165" fontId="2" fillId="2" borderId="19" xfId="1" applyNumberFormat="1" applyFont="1" applyFill="1" applyBorder="1" applyAlignment="1">
      <alignment horizontal="center"/>
    </xf>
    <xf numFmtId="165" fontId="2" fillId="2" borderId="20" xfId="1" applyNumberFormat="1" applyFont="1" applyFill="1" applyBorder="1" applyAlignment="1">
      <alignment horizontal="center"/>
    </xf>
    <xf numFmtId="165" fontId="0" fillId="0" borderId="20" xfId="1" applyNumberFormat="1" applyFont="1" applyBorder="1" applyAlignment="1"/>
    <xf numFmtId="165" fontId="0" fillId="0" borderId="22" xfId="1" applyNumberFormat="1" applyFont="1" applyBorder="1" applyAlignment="1"/>
    <xf numFmtId="4" fontId="10" fillId="2" borderId="18" xfId="2" applyNumberFormat="1" applyFont="1" applyFill="1" applyBorder="1" applyAlignment="1">
      <alignment horizontal="left" vertical="center" wrapText="1"/>
    </xf>
    <xf numFmtId="4" fontId="10" fillId="2" borderId="26" xfId="2" applyNumberFormat="1" applyFont="1" applyFill="1" applyBorder="1" applyAlignment="1">
      <alignment horizontal="left" vertical="center" wrapText="1"/>
    </xf>
    <xf numFmtId="49" fontId="10" fillId="2" borderId="19" xfId="2" applyNumberFormat="1" applyFont="1" applyFill="1" applyBorder="1" applyAlignment="1">
      <alignment horizontal="center" vertical="center" wrapText="1"/>
    </xf>
    <xf numFmtId="49" fontId="10" fillId="2" borderId="20" xfId="2" applyNumberFormat="1" applyFont="1" applyFill="1" applyBorder="1" applyAlignment="1">
      <alignment horizontal="center" vertical="center" wrapText="1"/>
    </xf>
    <xf numFmtId="49" fontId="10" fillId="2" borderId="21" xfId="2" applyNumberFormat="1" applyFont="1" applyFill="1" applyBorder="1" applyAlignment="1">
      <alignment horizontal="center" vertical="center" wrapText="1"/>
    </xf>
    <xf numFmtId="4" fontId="3" fillId="0" borderId="1" xfId="2" applyNumberFormat="1" applyFont="1" applyBorder="1" applyAlignment="1">
      <alignment horizontal="center"/>
    </xf>
    <xf numFmtId="4" fontId="3" fillId="0" borderId="2" xfId="2" applyNumberFormat="1" applyFont="1" applyBorder="1" applyAlignment="1">
      <alignment horizontal="center"/>
    </xf>
    <xf numFmtId="4" fontId="3" fillId="0" borderId="4" xfId="2" applyNumberFormat="1" applyFont="1" applyBorder="1" applyAlignment="1">
      <alignment horizontal="center"/>
    </xf>
    <xf numFmtId="4" fontId="3" fillId="0" borderId="0" xfId="2" applyNumberFormat="1" applyFont="1" applyAlignment="1">
      <alignment horizontal="center"/>
    </xf>
    <xf numFmtId="4" fontId="4" fillId="0" borderId="4" xfId="2" applyNumberFormat="1" applyFont="1" applyBorder="1" applyAlignment="1">
      <alignment horizontal="center" vertical="center"/>
    </xf>
    <xf numFmtId="4" fontId="4" fillId="0" borderId="0" xfId="2" applyNumberFormat="1" applyFont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5" fillId="0" borderId="2" xfId="0" applyFont="1" applyBorder="1" applyAlignment="1">
      <alignment horizontal="left" vertical="center"/>
    </xf>
    <xf numFmtId="0" fontId="5" fillId="0" borderId="3" xfId="0" applyFont="1" applyBorder="1" applyAlignment="1">
      <alignment horizontal="left" vertical="center"/>
    </xf>
    <xf numFmtId="0" fontId="6" fillId="0" borderId="4" xfId="0" applyFont="1" applyBorder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7" fillId="0" borderId="5" xfId="0" applyFont="1" applyBorder="1" applyAlignment="1">
      <alignment horizontal="left" vertical="center"/>
    </xf>
    <xf numFmtId="0" fontId="5" fillId="0" borderId="2" xfId="0" applyFont="1" applyBorder="1" applyAlignment="1">
      <alignment horizontal="center" vertical="center"/>
    </xf>
    <xf numFmtId="3" fontId="8" fillId="0" borderId="10" xfId="2" applyNumberFormat="1" applyFont="1" applyBorder="1" applyAlignment="1">
      <alignment horizontal="left" vertical="center" wrapText="1"/>
    </xf>
    <xf numFmtId="3" fontId="8" fillId="0" borderId="11" xfId="2" applyNumberFormat="1" applyFont="1" applyBorder="1" applyAlignment="1">
      <alignment horizontal="left" vertical="center" wrapText="1"/>
    </xf>
    <xf numFmtId="3" fontId="8" fillId="0" borderId="12" xfId="2" applyNumberFormat="1" applyFont="1" applyBorder="1" applyAlignment="1">
      <alignment horizontal="left" vertical="center" wrapText="1"/>
    </xf>
    <xf numFmtId="4" fontId="9" fillId="2" borderId="13" xfId="2" applyNumberFormat="1" applyFont="1" applyFill="1" applyBorder="1" applyAlignment="1">
      <alignment horizontal="center" vertical="center" wrapText="1"/>
    </xf>
    <xf numFmtId="4" fontId="9" fillId="2" borderId="17" xfId="2" applyNumberFormat="1" applyFont="1" applyFill="1" applyBorder="1" applyAlignment="1">
      <alignment horizontal="center" vertical="center" wrapText="1"/>
    </xf>
    <xf numFmtId="4" fontId="9" fillId="2" borderId="14" xfId="2" applyNumberFormat="1" applyFont="1" applyFill="1" applyBorder="1" applyAlignment="1">
      <alignment horizontal="center" vertical="center" wrapText="1"/>
    </xf>
    <xf numFmtId="4" fontId="9" fillId="2" borderId="18" xfId="2" applyNumberFormat="1" applyFont="1" applyFill="1" applyBorder="1" applyAlignment="1">
      <alignment horizontal="center" vertical="center" wrapText="1"/>
    </xf>
    <xf numFmtId="4" fontId="9" fillId="2" borderId="15" xfId="2" applyNumberFormat="1" applyFont="1" applyFill="1" applyBorder="1" applyAlignment="1">
      <alignment horizontal="center"/>
    </xf>
    <xf numFmtId="4" fontId="9" fillId="2" borderId="6" xfId="2" applyNumberFormat="1" applyFont="1" applyFill="1" applyBorder="1" applyAlignment="1">
      <alignment horizontal="center"/>
    </xf>
    <xf numFmtId="4" fontId="9" fillId="2" borderId="16" xfId="2" applyNumberFormat="1" applyFont="1" applyFill="1" applyBorder="1" applyAlignment="1">
      <alignment horizontal="center"/>
    </xf>
    <xf numFmtId="0" fontId="0" fillId="0" borderId="6" xfId="0" applyBorder="1"/>
    <xf numFmtId="0" fontId="0" fillId="0" borderId="7" xfId="0" applyBorder="1"/>
    <xf numFmtId="49" fontId="10" fillId="2" borderId="22" xfId="2" applyNumberFormat="1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horizontal="center" vertical="center" wrapText="1"/>
    </xf>
    <xf numFmtId="0" fontId="0" fillId="0" borderId="20" xfId="0" applyBorder="1" applyAlignment="1">
      <alignment horizontal="center" vertical="center" wrapText="1"/>
    </xf>
    <xf numFmtId="0" fontId="0" fillId="0" borderId="22" xfId="0" applyBorder="1" applyAlignment="1">
      <alignment horizontal="center" vertical="center" wrapText="1"/>
    </xf>
    <xf numFmtId="4" fontId="9" fillId="2" borderId="39" xfId="2" applyNumberFormat="1" applyFont="1" applyFill="1" applyBorder="1" applyAlignment="1">
      <alignment horizontal="center" vertical="center" wrapText="1"/>
    </xf>
    <xf numFmtId="4" fontId="9" fillId="2" borderId="26" xfId="2" applyNumberFormat="1" applyFont="1" applyFill="1" applyBorder="1" applyAlignment="1">
      <alignment horizontal="center" vertical="center" wrapText="1"/>
    </xf>
  </cellXfs>
  <cellStyles count="3">
    <cellStyle name="Normal" xfId="0" builtinId="0"/>
    <cellStyle name="Normal_CR_REFORMA_TPS1" xfId="2" xr:uid="{E7F258A6-6E59-4360-8BA0-607F91D56DA5}"/>
    <cellStyle name="Porcentagem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5" Type="http://schemas.openxmlformats.org/officeDocument/2006/relationships/sharedStrings" Target="sharedStrings.xml"/><Relationship Id="rId10" Type="http://schemas.openxmlformats.org/officeDocument/2006/relationships/externalLink" Target="externalLinks/externalLink9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0</xdr:colOff>
      <xdr:row>0</xdr:row>
      <xdr:rowOff>76200</xdr:rowOff>
    </xdr:from>
    <xdr:to>
      <xdr:col>45</xdr:col>
      <xdr:colOff>0</xdr:colOff>
      <xdr:row>2</xdr:row>
      <xdr:rowOff>123825</xdr:rowOff>
    </xdr:to>
    <xdr:pic>
      <xdr:nvPicPr>
        <xdr:cNvPr id="2" name="Figura 1">
          <a:extLst>
            <a:ext uri="{FF2B5EF4-FFF2-40B4-BE49-F238E27FC236}">
              <a16:creationId xmlns:a16="http://schemas.microsoft.com/office/drawing/2014/main" id="{7144A1E3-845D-4E95-ACF1-F7C2DB5B426F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6968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45</xdr:col>
      <xdr:colOff>0</xdr:colOff>
      <xdr:row>0</xdr:row>
      <xdr:rowOff>76200</xdr:rowOff>
    </xdr:from>
    <xdr:to>
      <xdr:col>45</xdr:col>
      <xdr:colOff>0</xdr:colOff>
      <xdr:row>2</xdr:row>
      <xdr:rowOff>123825</xdr:rowOff>
    </xdr:to>
    <xdr:pic>
      <xdr:nvPicPr>
        <xdr:cNvPr id="3" name="Figura 1">
          <a:extLst>
            <a:ext uri="{FF2B5EF4-FFF2-40B4-BE49-F238E27FC236}">
              <a16:creationId xmlns:a16="http://schemas.microsoft.com/office/drawing/2014/main" id="{5F943754-F67E-4677-8B59-4793356ED99D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6968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45</xdr:col>
      <xdr:colOff>0</xdr:colOff>
      <xdr:row>0</xdr:row>
      <xdr:rowOff>76200</xdr:rowOff>
    </xdr:from>
    <xdr:to>
      <xdr:col>45</xdr:col>
      <xdr:colOff>0</xdr:colOff>
      <xdr:row>2</xdr:row>
      <xdr:rowOff>123825</xdr:rowOff>
    </xdr:to>
    <xdr:pic>
      <xdr:nvPicPr>
        <xdr:cNvPr id="4" name="Figura 1">
          <a:extLst>
            <a:ext uri="{FF2B5EF4-FFF2-40B4-BE49-F238E27FC236}">
              <a16:creationId xmlns:a16="http://schemas.microsoft.com/office/drawing/2014/main" id="{9EFEF556-3DBB-45A7-A5CA-D49A92CE6D73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6968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45</xdr:col>
      <xdr:colOff>0</xdr:colOff>
      <xdr:row>0</xdr:row>
      <xdr:rowOff>76200</xdr:rowOff>
    </xdr:from>
    <xdr:to>
      <xdr:col>45</xdr:col>
      <xdr:colOff>0</xdr:colOff>
      <xdr:row>2</xdr:row>
      <xdr:rowOff>123825</xdr:rowOff>
    </xdr:to>
    <xdr:pic>
      <xdr:nvPicPr>
        <xdr:cNvPr id="5" name="Figura 1">
          <a:extLst>
            <a:ext uri="{FF2B5EF4-FFF2-40B4-BE49-F238E27FC236}">
              <a16:creationId xmlns:a16="http://schemas.microsoft.com/office/drawing/2014/main" id="{8EE40E98-D5ED-4A1A-84B0-A77183AD8E09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6968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45</xdr:col>
      <xdr:colOff>0</xdr:colOff>
      <xdr:row>0</xdr:row>
      <xdr:rowOff>76200</xdr:rowOff>
    </xdr:from>
    <xdr:to>
      <xdr:col>45</xdr:col>
      <xdr:colOff>0</xdr:colOff>
      <xdr:row>2</xdr:row>
      <xdr:rowOff>123825</xdr:rowOff>
    </xdr:to>
    <xdr:pic>
      <xdr:nvPicPr>
        <xdr:cNvPr id="6" name="Figura 1">
          <a:extLst>
            <a:ext uri="{FF2B5EF4-FFF2-40B4-BE49-F238E27FC236}">
              <a16:creationId xmlns:a16="http://schemas.microsoft.com/office/drawing/2014/main" id="{E015C8DB-37E8-4CC4-BEFC-346FC5868A03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6968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45</xdr:col>
      <xdr:colOff>0</xdr:colOff>
      <xdr:row>0</xdr:row>
      <xdr:rowOff>76200</xdr:rowOff>
    </xdr:from>
    <xdr:to>
      <xdr:col>45</xdr:col>
      <xdr:colOff>0</xdr:colOff>
      <xdr:row>2</xdr:row>
      <xdr:rowOff>123825</xdr:rowOff>
    </xdr:to>
    <xdr:pic>
      <xdr:nvPicPr>
        <xdr:cNvPr id="7" name="Figura 1">
          <a:extLst>
            <a:ext uri="{FF2B5EF4-FFF2-40B4-BE49-F238E27FC236}">
              <a16:creationId xmlns:a16="http://schemas.microsoft.com/office/drawing/2014/main" id="{B5F3412C-7FAD-4A66-A862-AA0BEFE4171A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6968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45</xdr:col>
      <xdr:colOff>0</xdr:colOff>
      <xdr:row>0</xdr:row>
      <xdr:rowOff>76200</xdr:rowOff>
    </xdr:from>
    <xdr:to>
      <xdr:col>45</xdr:col>
      <xdr:colOff>0</xdr:colOff>
      <xdr:row>2</xdr:row>
      <xdr:rowOff>123825</xdr:rowOff>
    </xdr:to>
    <xdr:pic>
      <xdr:nvPicPr>
        <xdr:cNvPr id="8" name="Figura 1">
          <a:extLst>
            <a:ext uri="{FF2B5EF4-FFF2-40B4-BE49-F238E27FC236}">
              <a16:creationId xmlns:a16="http://schemas.microsoft.com/office/drawing/2014/main" id="{414DEB26-07F6-4268-B8AA-A6FE8B6DBEFD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6968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45</xdr:col>
      <xdr:colOff>0</xdr:colOff>
      <xdr:row>0</xdr:row>
      <xdr:rowOff>76200</xdr:rowOff>
    </xdr:from>
    <xdr:to>
      <xdr:col>45</xdr:col>
      <xdr:colOff>0</xdr:colOff>
      <xdr:row>2</xdr:row>
      <xdr:rowOff>123825</xdr:rowOff>
    </xdr:to>
    <xdr:pic>
      <xdr:nvPicPr>
        <xdr:cNvPr id="9" name="Figura 1">
          <a:extLst>
            <a:ext uri="{FF2B5EF4-FFF2-40B4-BE49-F238E27FC236}">
              <a16:creationId xmlns:a16="http://schemas.microsoft.com/office/drawing/2014/main" id="{05021718-4F60-487A-BBC6-BD8BE719F83A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6968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63500</xdr:colOff>
      <xdr:row>0</xdr:row>
      <xdr:rowOff>116417</xdr:rowOff>
    </xdr:from>
    <xdr:to>
      <xdr:col>1</xdr:col>
      <xdr:colOff>635000</xdr:colOff>
      <xdr:row>3</xdr:row>
      <xdr:rowOff>137584</xdr:rowOff>
    </xdr:to>
    <xdr:pic>
      <xdr:nvPicPr>
        <xdr:cNvPr id="10" name="Imagem 9" descr="Parte-1-oficial">
          <a:extLst>
            <a:ext uri="{FF2B5EF4-FFF2-40B4-BE49-F238E27FC236}">
              <a16:creationId xmlns:a16="http://schemas.microsoft.com/office/drawing/2014/main" id="{511DAB40-F107-40E5-AE54-57D48C3452AE}"/>
            </a:ext>
          </a:extLst>
        </xdr:cNvPr>
        <xdr:cNvPicPr/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3500" y="116417"/>
          <a:ext cx="1733550" cy="706967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63</xdr:col>
      <xdr:colOff>0</xdr:colOff>
      <xdr:row>0</xdr:row>
      <xdr:rowOff>76200</xdr:rowOff>
    </xdr:from>
    <xdr:to>
      <xdr:col>63</xdr:col>
      <xdr:colOff>0</xdr:colOff>
      <xdr:row>2</xdr:row>
      <xdr:rowOff>123825</xdr:rowOff>
    </xdr:to>
    <xdr:pic>
      <xdr:nvPicPr>
        <xdr:cNvPr id="11" name="Figura 1">
          <a:extLst>
            <a:ext uri="{FF2B5EF4-FFF2-40B4-BE49-F238E27FC236}">
              <a16:creationId xmlns:a16="http://schemas.microsoft.com/office/drawing/2014/main" id="{61D16836-E687-45D8-B133-545EA500E12A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47542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63</xdr:col>
      <xdr:colOff>0</xdr:colOff>
      <xdr:row>0</xdr:row>
      <xdr:rowOff>76200</xdr:rowOff>
    </xdr:from>
    <xdr:to>
      <xdr:col>63</xdr:col>
      <xdr:colOff>0</xdr:colOff>
      <xdr:row>2</xdr:row>
      <xdr:rowOff>123825</xdr:rowOff>
    </xdr:to>
    <xdr:pic>
      <xdr:nvPicPr>
        <xdr:cNvPr id="12" name="Figura 1">
          <a:extLst>
            <a:ext uri="{FF2B5EF4-FFF2-40B4-BE49-F238E27FC236}">
              <a16:creationId xmlns:a16="http://schemas.microsoft.com/office/drawing/2014/main" id="{EA9590CB-B5D6-4E96-A0F4-CB62C85B6856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47542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63</xdr:col>
      <xdr:colOff>0</xdr:colOff>
      <xdr:row>0</xdr:row>
      <xdr:rowOff>76200</xdr:rowOff>
    </xdr:from>
    <xdr:to>
      <xdr:col>63</xdr:col>
      <xdr:colOff>0</xdr:colOff>
      <xdr:row>2</xdr:row>
      <xdr:rowOff>123825</xdr:rowOff>
    </xdr:to>
    <xdr:pic>
      <xdr:nvPicPr>
        <xdr:cNvPr id="13" name="Figura 1">
          <a:extLst>
            <a:ext uri="{FF2B5EF4-FFF2-40B4-BE49-F238E27FC236}">
              <a16:creationId xmlns:a16="http://schemas.microsoft.com/office/drawing/2014/main" id="{3497941F-2533-4EB4-8987-D1E0F4EA3EE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47542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63</xdr:col>
      <xdr:colOff>0</xdr:colOff>
      <xdr:row>0</xdr:row>
      <xdr:rowOff>76200</xdr:rowOff>
    </xdr:from>
    <xdr:to>
      <xdr:col>63</xdr:col>
      <xdr:colOff>0</xdr:colOff>
      <xdr:row>2</xdr:row>
      <xdr:rowOff>123825</xdr:rowOff>
    </xdr:to>
    <xdr:pic>
      <xdr:nvPicPr>
        <xdr:cNvPr id="14" name="Figura 1">
          <a:extLst>
            <a:ext uri="{FF2B5EF4-FFF2-40B4-BE49-F238E27FC236}">
              <a16:creationId xmlns:a16="http://schemas.microsoft.com/office/drawing/2014/main" id="{BFAFD50A-DD08-41CC-9151-4FD2DEEDF237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4754225" y="76200"/>
          <a:ext cx="0" cy="50482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-rjsf50\galeao\LICITACAO\PREGAO%20ELETRONICO\2009\017_Camada%20Porosa-SBRJ(Francisco)\CD-ABERTURA\Eng_aroldo\Meus%20documentos\GEOSOLO\PAVIMENT_VG\Medi&#231;&#227;o%20n&#186;%200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-rjsf50\galeao\LICITACAO\PREGAO%20ELETRONICO\2009\017_Camada%20Porosa-SBRJ(Francisco)\CD-ABERTURA\EXCEL\CECAV\OR&#199;CILNI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EDE%20EMERGENCIAL\PLANILHA\Eng_aroldo\Meus%20documentos\GEOSOLO\PAVIMENT_VG\Med_5_marajoara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-rjsf50\galeao\LICITACAO\PREGAO%20ELETRONICO\2009\017_Camada%20Porosa-SBRJ(Francisco)\CD-ABERTURA\Eng_aroldo\Meus%20documentos\GEOSOLO\PAVIMENT_VG\Med_5_marajoar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EDE%20EMERGENCIAL\PLANILHA\Eng_aroldo\Meus%20documentos\GEOSOLO\PAVIMENT_VG\Medi&#231;&#227;o%20n&#186;%200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aysa\c\INTERNET\Eudora\Attach\SBLO_PcP-AmpTPS_fora_CLP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-rjsf50\galeao\EXCEL\CECAV\OR&#199;CILNI.XLS" TargetMode="External"/></Relationships>
</file>

<file path=xl/externalLinks/_rels/externalLink6.xml.rels><?xml version="1.0" encoding="UTF-8" standalone="yes"?>
<Relationships xmlns="http://schemas.openxmlformats.org/package/2006/relationships"><Relationship Id="rId2" Type="http://schemas.microsoft.com/office/2019/04/relationships/externalLinkLongPath" Target="file:///A:\MAGALI\OR&#199;AMENTOS%20COMPUTADOR%20%20NOVO\2007\ARQUIVOS%20OR&#199;AMENTOS%202007\SBGL\REF%20E%20ADEQ%20SIST%20PISTAS%20E%20P&#193;TIOS%20AIRJ\PACOT&#195;O%20PAVIMENTA&#199;&#195;O%20FINAL-05-12\P&#193;TIOS%20E%20PISTAS%20UNIFICADO%20OR%20E%20PS\Documents%20and%20Settings\i9738171\Desktop\Moises\EXCEL\CECAV\OR&#199;CILNI.XLS?EC18255B" TargetMode="External"/><Relationship Id="rId1" Type="http://schemas.openxmlformats.org/officeDocument/2006/relationships/externalLinkPath" Target="file:///\\EC18255B\OR&#199;CILNI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EDE%20EMERGENCIAL\Documents%20and%20Settings\i9738171\Desktop\Moises\EXCEL\CECAV\OR&#199;CILN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SEDE%20EMERGENCIAL\PLANILHA\RODRIGO\Meus%20documentos\leal\Gale&#227;o\REC.ESTRT.PARCIAL%20COBERT.SANTOS%20DUMONT%20-%20OK\Documents%20and%20Settings\i9738171\Desktop\Moises\EXCEL\CECAV\OR&#199;CILNI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EXCEL\CECAV\OR&#199;CILNI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gula"/>
      <sheetName val="Sub_base"/>
      <sheetName val="Base"/>
    </sheetNames>
    <sheetDataSet>
      <sheetData sheetId="0"/>
      <sheetData sheetId="1"/>
      <sheetData sheetId="2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latório_1ª med_"/>
    </sheetNames>
    <sheetDataSet>
      <sheetData sheetId="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latório_1ª med_"/>
    </sheetNames>
    <sheetDataSet>
      <sheetData sheetId="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gula"/>
      <sheetName val="Sub_base"/>
      <sheetName val="Base"/>
    </sheetNames>
    <sheetDataSet>
      <sheetData sheetId="0"/>
      <sheetData sheetId="1"/>
      <sheetData sheetId="2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çamento Global"/>
      <sheetName val="Elétrica"/>
      <sheetName val="Hidrossanitário"/>
      <sheetName val="Genéricos"/>
      <sheetName val="SBLO_PcP-AmpTPS_fora_CLP"/>
      <sheetName val="Orçamento_Global"/>
    </sheetNames>
    <sheetDataSet>
      <sheetData sheetId="0" refreshError="1">
        <row r="38">
          <cell r="D38">
            <v>0.2</v>
          </cell>
        </row>
      </sheetData>
      <sheetData sheetId="1" refreshError="1"/>
      <sheetData sheetId="2"/>
      <sheetData sheetId="3" refreshError="1"/>
      <sheetData sheetId="4" refreshError="1"/>
      <sheetData sheetId="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 refreshError="1">
        <row r="13">
          <cell r="J13">
            <v>1350.16</v>
          </cell>
        </row>
        <row r="30">
          <cell r="J30">
            <v>1189.9100000000001</v>
          </cell>
        </row>
        <row r="39">
          <cell r="J39">
            <v>11246.3</v>
          </cell>
        </row>
        <row r="105">
          <cell r="J105">
            <v>16560</v>
          </cell>
        </row>
        <row r="130">
          <cell r="J130">
            <v>779.1</v>
          </cell>
        </row>
        <row r="137">
          <cell r="J137">
            <v>2328</v>
          </cell>
        </row>
        <row r="141">
          <cell r="J141">
            <v>339.48</v>
          </cell>
        </row>
        <row r="146">
          <cell r="J146">
            <v>34500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59196F2-F532-483A-A3F9-B5777F102204}">
  <sheetPr>
    <pageSetUpPr fitToPage="1"/>
  </sheetPr>
  <dimension ref="A1:CR95"/>
  <sheetViews>
    <sheetView tabSelected="1" view="pageBreakPreview" zoomScale="90" zoomScaleNormal="70" zoomScaleSheetLayoutView="90" workbookViewId="0">
      <selection activeCell="BX92" sqref="BX92"/>
    </sheetView>
  </sheetViews>
  <sheetFormatPr defaultRowHeight="12.75" x14ac:dyDescent="0.2"/>
  <cols>
    <col min="1" max="1" width="17.42578125" style="3" customWidth="1"/>
    <col min="2" max="2" width="64.42578125" style="75" customWidth="1"/>
    <col min="3" max="4" width="15.7109375" style="75" customWidth="1"/>
    <col min="5" max="35" width="1.7109375" style="3" customWidth="1"/>
    <col min="36" max="60" width="1.7109375" style="82" customWidth="1"/>
    <col min="61" max="115" width="1.7109375" style="3" customWidth="1"/>
    <col min="116" max="254" width="9.140625" style="3"/>
    <col min="255" max="255" width="9.85546875" style="3" customWidth="1"/>
    <col min="256" max="256" width="44.140625" style="3" customWidth="1"/>
    <col min="257" max="257" width="14.7109375" style="3" customWidth="1"/>
    <col min="258" max="275" width="7" style="3" customWidth="1"/>
    <col min="276" max="276" width="10.7109375" style="3" bestFit="1" customWidth="1"/>
    <col min="277" max="277" width="15.85546875" style="3" customWidth="1"/>
    <col min="278" max="278" width="5.7109375" style="3" customWidth="1"/>
    <col min="279" max="279" width="5.5703125" style="3" customWidth="1"/>
    <col min="280" max="280" width="5.7109375" style="3" customWidth="1"/>
    <col min="281" max="284" width="5.5703125" style="3" customWidth="1"/>
    <col min="285" max="285" width="9.140625" style="3"/>
    <col min="286" max="286" width="10.140625" style="3" bestFit="1" customWidth="1"/>
    <col min="287" max="510" width="9.140625" style="3"/>
    <col min="511" max="511" width="9.85546875" style="3" customWidth="1"/>
    <col min="512" max="512" width="44.140625" style="3" customWidth="1"/>
    <col min="513" max="513" width="14.7109375" style="3" customWidth="1"/>
    <col min="514" max="531" width="7" style="3" customWidth="1"/>
    <col min="532" max="532" width="10.7109375" style="3" bestFit="1" customWidth="1"/>
    <col min="533" max="533" width="15.85546875" style="3" customWidth="1"/>
    <col min="534" max="534" width="5.7109375" style="3" customWidth="1"/>
    <col min="535" max="535" width="5.5703125" style="3" customWidth="1"/>
    <col min="536" max="536" width="5.7109375" style="3" customWidth="1"/>
    <col min="537" max="540" width="5.5703125" style="3" customWidth="1"/>
    <col min="541" max="541" width="9.140625" style="3"/>
    <col min="542" max="542" width="10.140625" style="3" bestFit="1" customWidth="1"/>
    <col min="543" max="766" width="9.140625" style="3"/>
    <col min="767" max="767" width="9.85546875" style="3" customWidth="1"/>
    <col min="768" max="768" width="44.140625" style="3" customWidth="1"/>
    <col min="769" max="769" width="14.7109375" style="3" customWidth="1"/>
    <col min="770" max="787" width="7" style="3" customWidth="1"/>
    <col min="788" max="788" width="10.7109375" style="3" bestFit="1" customWidth="1"/>
    <col min="789" max="789" width="15.85546875" style="3" customWidth="1"/>
    <col min="790" max="790" width="5.7109375" style="3" customWidth="1"/>
    <col min="791" max="791" width="5.5703125" style="3" customWidth="1"/>
    <col min="792" max="792" width="5.7109375" style="3" customWidth="1"/>
    <col min="793" max="796" width="5.5703125" style="3" customWidth="1"/>
    <col min="797" max="797" width="9.140625" style="3"/>
    <col min="798" max="798" width="10.140625" style="3" bestFit="1" customWidth="1"/>
    <col min="799" max="1022" width="9.140625" style="3"/>
    <col min="1023" max="1023" width="9.85546875" style="3" customWidth="1"/>
    <col min="1024" max="1024" width="44.140625" style="3" customWidth="1"/>
    <col min="1025" max="1025" width="14.7109375" style="3" customWidth="1"/>
    <col min="1026" max="1043" width="7" style="3" customWidth="1"/>
    <col min="1044" max="1044" width="10.7109375" style="3" bestFit="1" customWidth="1"/>
    <col min="1045" max="1045" width="15.85546875" style="3" customWidth="1"/>
    <col min="1046" max="1046" width="5.7109375" style="3" customWidth="1"/>
    <col min="1047" max="1047" width="5.5703125" style="3" customWidth="1"/>
    <col min="1048" max="1048" width="5.7109375" style="3" customWidth="1"/>
    <col min="1049" max="1052" width="5.5703125" style="3" customWidth="1"/>
    <col min="1053" max="1053" width="9.140625" style="3"/>
    <col min="1054" max="1054" width="10.140625" style="3" bestFit="1" customWidth="1"/>
    <col min="1055" max="1278" width="9.140625" style="3"/>
    <col min="1279" max="1279" width="9.85546875" style="3" customWidth="1"/>
    <col min="1280" max="1280" width="44.140625" style="3" customWidth="1"/>
    <col min="1281" max="1281" width="14.7109375" style="3" customWidth="1"/>
    <col min="1282" max="1299" width="7" style="3" customWidth="1"/>
    <col min="1300" max="1300" width="10.7109375" style="3" bestFit="1" customWidth="1"/>
    <col min="1301" max="1301" width="15.85546875" style="3" customWidth="1"/>
    <col min="1302" max="1302" width="5.7109375" style="3" customWidth="1"/>
    <col min="1303" max="1303" width="5.5703125" style="3" customWidth="1"/>
    <col min="1304" max="1304" width="5.7109375" style="3" customWidth="1"/>
    <col min="1305" max="1308" width="5.5703125" style="3" customWidth="1"/>
    <col min="1309" max="1309" width="9.140625" style="3"/>
    <col min="1310" max="1310" width="10.140625" style="3" bestFit="1" customWidth="1"/>
    <col min="1311" max="1534" width="9.140625" style="3"/>
    <col min="1535" max="1535" width="9.85546875" style="3" customWidth="1"/>
    <col min="1536" max="1536" width="44.140625" style="3" customWidth="1"/>
    <col min="1537" max="1537" width="14.7109375" style="3" customWidth="1"/>
    <col min="1538" max="1555" width="7" style="3" customWidth="1"/>
    <col min="1556" max="1556" width="10.7109375" style="3" bestFit="1" customWidth="1"/>
    <col min="1557" max="1557" width="15.85546875" style="3" customWidth="1"/>
    <col min="1558" max="1558" width="5.7109375" style="3" customWidth="1"/>
    <col min="1559" max="1559" width="5.5703125" style="3" customWidth="1"/>
    <col min="1560" max="1560" width="5.7109375" style="3" customWidth="1"/>
    <col min="1561" max="1564" width="5.5703125" style="3" customWidth="1"/>
    <col min="1565" max="1565" width="9.140625" style="3"/>
    <col min="1566" max="1566" width="10.140625" style="3" bestFit="1" customWidth="1"/>
    <col min="1567" max="1790" width="9.140625" style="3"/>
    <col min="1791" max="1791" width="9.85546875" style="3" customWidth="1"/>
    <col min="1792" max="1792" width="44.140625" style="3" customWidth="1"/>
    <col min="1793" max="1793" width="14.7109375" style="3" customWidth="1"/>
    <col min="1794" max="1811" width="7" style="3" customWidth="1"/>
    <col min="1812" max="1812" width="10.7109375" style="3" bestFit="1" customWidth="1"/>
    <col min="1813" max="1813" width="15.85546875" style="3" customWidth="1"/>
    <col min="1814" max="1814" width="5.7109375" style="3" customWidth="1"/>
    <col min="1815" max="1815" width="5.5703125" style="3" customWidth="1"/>
    <col min="1816" max="1816" width="5.7109375" style="3" customWidth="1"/>
    <col min="1817" max="1820" width="5.5703125" style="3" customWidth="1"/>
    <col min="1821" max="1821" width="9.140625" style="3"/>
    <col min="1822" max="1822" width="10.140625" style="3" bestFit="1" customWidth="1"/>
    <col min="1823" max="2046" width="9.140625" style="3"/>
    <col min="2047" max="2047" width="9.85546875" style="3" customWidth="1"/>
    <col min="2048" max="2048" width="44.140625" style="3" customWidth="1"/>
    <col min="2049" max="2049" width="14.7109375" style="3" customWidth="1"/>
    <col min="2050" max="2067" width="7" style="3" customWidth="1"/>
    <col min="2068" max="2068" width="10.7109375" style="3" bestFit="1" customWidth="1"/>
    <col min="2069" max="2069" width="15.85546875" style="3" customWidth="1"/>
    <col min="2070" max="2070" width="5.7109375" style="3" customWidth="1"/>
    <col min="2071" max="2071" width="5.5703125" style="3" customWidth="1"/>
    <col min="2072" max="2072" width="5.7109375" style="3" customWidth="1"/>
    <col min="2073" max="2076" width="5.5703125" style="3" customWidth="1"/>
    <col min="2077" max="2077" width="9.140625" style="3"/>
    <col min="2078" max="2078" width="10.140625" style="3" bestFit="1" customWidth="1"/>
    <col min="2079" max="2302" width="9.140625" style="3"/>
    <col min="2303" max="2303" width="9.85546875" style="3" customWidth="1"/>
    <col min="2304" max="2304" width="44.140625" style="3" customWidth="1"/>
    <col min="2305" max="2305" width="14.7109375" style="3" customWidth="1"/>
    <col min="2306" max="2323" width="7" style="3" customWidth="1"/>
    <col min="2324" max="2324" width="10.7109375" style="3" bestFit="1" customWidth="1"/>
    <col min="2325" max="2325" width="15.85546875" style="3" customWidth="1"/>
    <col min="2326" max="2326" width="5.7109375" style="3" customWidth="1"/>
    <col min="2327" max="2327" width="5.5703125" style="3" customWidth="1"/>
    <col min="2328" max="2328" width="5.7109375" style="3" customWidth="1"/>
    <col min="2329" max="2332" width="5.5703125" style="3" customWidth="1"/>
    <col min="2333" max="2333" width="9.140625" style="3"/>
    <col min="2334" max="2334" width="10.140625" style="3" bestFit="1" customWidth="1"/>
    <col min="2335" max="2558" width="9.140625" style="3"/>
    <col min="2559" max="2559" width="9.85546875" style="3" customWidth="1"/>
    <col min="2560" max="2560" width="44.140625" style="3" customWidth="1"/>
    <col min="2561" max="2561" width="14.7109375" style="3" customWidth="1"/>
    <col min="2562" max="2579" width="7" style="3" customWidth="1"/>
    <col min="2580" max="2580" width="10.7109375" style="3" bestFit="1" customWidth="1"/>
    <col min="2581" max="2581" width="15.85546875" style="3" customWidth="1"/>
    <col min="2582" max="2582" width="5.7109375" style="3" customWidth="1"/>
    <col min="2583" max="2583" width="5.5703125" style="3" customWidth="1"/>
    <col min="2584" max="2584" width="5.7109375" style="3" customWidth="1"/>
    <col min="2585" max="2588" width="5.5703125" style="3" customWidth="1"/>
    <col min="2589" max="2589" width="9.140625" style="3"/>
    <col min="2590" max="2590" width="10.140625" style="3" bestFit="1" customWidth="1"/>
    <col min="2591" max="2814" width="9.140625" style="3"/>
    <col min="2815" max="2815" width="9.85546875" style="3" customWidth="1"/>
    <col min="2816" max="2816" width="44.140625" style="3" customWidth="1"/>
    <col min="2817" max="2817" width="14.7109375" style="3" customWidth="1"/>
    <col min="2818" max="2835" width="7" style="3" customWidth="1"/>
    <col min="2836" max="2836" width="10.7109375" style="3" bestFit="1" customWidth="1"/>
    <col min="2837" max="2837" width="15.85546875" style="3" customWidth="1"/>
    <col min="2838" max="2838" width="5.7109375" style="3" customWidth="1"/>
    <col min="2839" max="2839" width="5.5703125" style="3" customWidth="1"/>
    <col min="2840" max="2840" width="5.7109375" style="3" customWidth="1"/>
    <col min="2841" max="2844" width="5.5703125" style="3" customWidth="1"/>
    <col min="2845" max="2845" width="9.140625" style="3"/>
    <col min="2846" max="2846" width="10.140625" style="3" bestFit="1" customWidth="1"/>
    <col min="2847" max="3070" width="9.140625" style="3"/>
    <col min="3071" max="3071" width="9.85546875" style="3" customWidth="1"/>
    <col min="3072" max="3072" width="44.140625" style="3" customWidth="1"/>
    <col min="3073" max="3073" width="14.7109375" style="3" customWidth="1"/>
    <col min="3074" max="3091" width="7" style="3" customWidth="1"/>
    <col min="3092" max="3092" width="10.7109375" style="3" bestFit="1" customWidth="1"/>
    <col min="3093" max="3093" width="15.85546875" style="3" customWidth="1"/>
    <col min="3094" max="3094" width="5.7109375" style="3" customWidth="1"/>
    <col min="3095" max="3095" width="5.5703125" style="3" customWidth="1"/>
    <col min="3096" max="3096" width="5.7109375" style="3" customWidth="1"/>
    <col min="3097" max="3100" width="5.5703125" style="3" customWidth="1"/>
    <col min="3101" max="3101" width="9.140625" style="3"/>
    <col min="3102" max="3102" width="10.140625" style="3" bestFit="1" customWidth="1"/>
    <col min="3103" max="3326" width="9.140625" style="3"/>
    <col min="3327" max="3327" width="9.85546875" style="3" customWidth="1"/>
    <col min="3328" max="3328" width="44.140625" style="3" customWidth="1"/>
    <col min="3329" max="3329" width="14.7109375" style="3" customWidth="1"/>
    <col min="3330" max="3347" width="7" style="3" customWidth="1"/>
    <col min="3348" max="3348" width="10.7109375" style="3" bestFit="1" customWidth="1"/>
    <col min="3349" max="3349" width="15.85546875" style="3" customWidth="1"/>
    <col min="3350" max="3350" width="5.7109375" style="3" customWidth="1"/>
    <col min="3351" max="3351" width="5.5703125" style="3" customWidth="1"/>
    <col min="3352" max="3352" width="5.7109375" style="3" customWidth="1"/>
    <col min="3353" max="3356" width="5.5703125" style="3" customWidth="1"/>
    <col min="3357" max="3357" width="9.140625" style="3"/>
    <col min="3358" max="3358" width="10.140625" style="3" bestFit="1" customWidth="1"/>
    <col min="3359" max="3582" width="9.140625" style="3"/>
    <col min="3583" max="3583" width="9.85546875" style="3" customWidth="1"/>
    <col min="3584" max="3584" width="44.140625" style="3" customWidth="1"/>
    <col min="3585" max="3585" width="14.7109375" style="3" customWidth="1"/>
    <col min="3586" max="3603" width="7" style="3" customWidth="1"/>
    <col min="3604" max="3604" width="10.7109375" style="3" bestFit="1" customWidth="1"/>
    <col min="3605" max="3605" width="15.85546875" style="3" customWidth="1"/>
    <col min="3606" max="3606" width="5.7109375" style="3" customWidth="1"/>
    <col min="3607" max="3607" width="5.5703125" style="3" customWidth="1"/>
    <col min="3608" max="3608" width="5.7109375" style="3" customWidth="1"/>
    <col min="3609" max="3612" width="5.5703125" style="3" customWidth="1"/>
    <col min="3613" max="3613" width="9.140625" style="3"/>
    <col min="3614" max="3614" width="10.140625" style="3" bestFit="1" customWidth="1"/>
    <col min="3615" max="3838" width="9.140625" style="3"/>
    <col min="3839" max="3839" width="9.85546875" style="3" customWidth="1"/>
    <col min="3840" max="3840" width="44.140625" style="3" customWidth="1"/>
    <col min="3841" max="3841" width="14.7109375" style="3" customWidth="1"/>
    <col min="3842" max="3859" width="7" style="3" customWidth="1"/>
    <col min="3860" max="3860" width="10.7109375" style="3" bestFit="1" customWidth="1"/>
    <col min="3861" max="3861" width="15.85546875" style="3" customWidth="1"/>
    <col min="3862" max="3862" width="5.7109375" style="3" customWidth="1"/>
    <col min="3863" max="3863" width="5.5703125" style="3" customWidth="1"/>
    <col min="3864" max="3864" width="5.7109375" style="3" customWidth="1"/>
    <col min="3865" max="3868" width="5.5703125" style="3" customWidth="1"/>
    <col min="3869" max="3869" width="9.140625" style="3"/>
    <col min="3870" max="3870" width="10.140625" style="3" bestFit="1" customWidth="1"/>
    <col min="3871" max="4094" width="9.140625" style="3"/>
    <col min="4095" max="4095" width="9.85546875" style="3" customWidth="1"/>
    <col min="4096" max="4096" width="44.140625" style="3" customWidth="1"/>
    <col min="4097" max="4097" width="14.7109375" style="3" customWidth="1"/>
    <col min="4098" max="4115" width="7" style="3" customWidth="1"/>
    <col min="4116" max="4116" width="10.7109375" style="3" bestFit="1" customWidth="1"/>
    <col min="4117" max="4117" width="15.85546875" style="3" customWidth="1"/>
    <col min="4118" max="4118" width="5.7109375" style="3" customWidth="1"/>
    <col min="4119" max="4119" width="5.5703125" style="3" customWidth="1"/>
    <col min="4120" max="4120" width="5.7109375" style="3" customWidth="1"/>
    <col min="4121" max="4124" width="5.5703125" style="3" customWidth="1"/>
    <col min="4125" max="4125" width="9.140625" style="3"/>
    <col min="4126" max="4126" width="10.140625" style="3" bestFit="1" customWidth="1"/>
    <col min="4127" max="4350" width="9.140625" style="3"/>
    <col min="4351" max="4351" width="9.85546875" style="3" customWidth="1"/>
    <col min="4352" max="4352" width="44.140625" style="3" customWidth="1"/>
    <col min="4353" max="4353" width="14.7109375" style="3" customWidth="1"/>
    <col min="4354" max="4371" width="7" style="3" customWidth="1"/>
    <col min="4372" max="4372" width="10.7109375" style="3" bestFit="1" customWidth="1"/>
    <col min="4373" max="4373" width="15.85546875" style="3" customWidth="1"/>
    <col min="4374" max="4374" width="5.7109375" style="3" customWidth="1"/>
    <col min="4375" max="4375" width="5.5703125" style="3" customWidth="1"/>
    <col min="4376" max="4376" width="5.7109375" style="3" customWidth="1"/>
    <col min="4377" max="4380" width="5.5703125" style="3" customWidth="1"/>
    <col min="4381" max="4381" width="9.140625" style="3"/>
    <col min="4382" max="4382" width="10.140625" style="3" bestFit="1" customWidth="1"/>
    <col min="4383" max="4606" width="9.140625" style="3"/>
    <col min="4607" max="4607" width="9.85546875" style="3" customWidth="1"/>
    <col min="4608" max="4608" width="44.140625" style="3" customWidth="1"/>
    <col min="4609" max="4609" width="14.7109375" style="3" customWidth="1"/>
    <col min="4610" max="4627" width="7" style="3" customWidth="1"/>
    <col min="4628" max="4628" width="10.7109375" style="3" bestFit="1" customWidth="1"/>
    <col min="4629" max="4629" width="15.85546875" style="3" customWidth="1"/>
    <col min="4630" max="4630" width="5.7109375" style="3" customWidth="1"/>
    <col min="4631" max="4631" width="5.5703125" style="3" customWidth="1"/>
    <col min="4632" max="4632" width="5.7109375" style="3" customWidth="1"/>
    <col min="4633" max="4636" width="5.5703125" style="3" customWidth="1"/>
    <col min="4637" max="4637" width="9.140625" style="3"/>
    <col min="4638" max="4638" width="10.140625" style="3" bestFit="1" customWidth="1"/>
    <col min="4639" max="4862" width="9.140625" style="3"/>
    <col min="4863" max="4863" width="9.85546875" style="3" customWidth="1"/>
    <col min="4864" max="4864" width="44.140625" style="3" customWidth="1"/>
    <col min="4865" max="4865" width="14.7109375" style="3" customWidth="1"/>
    <col min="4866" max="4883" width="7" style="3" customWidth="1"/>
    <col min="4884" max="4884" width="10.7109375" style="3" bestFit="1" customWidth="1"/>
    <col min="4885" max="4885" width="15.85546875" style="3" customWidth="1"/>
    <col min="4886" max="4886" width="5.7109375" style="3" customWidth="1"/>
    <col min="4887" max="4887" width="5.5703125" style="3" customWidth="1"/>
    <col min="4888" max="4888" width="5.7109375" style="3" customWidth="1"/>
    <col min="4889" max="4892" width="5.5703125" style="3" customWidth="1"/>
    <col min="4893" max="4893" width="9.140625" style="3"/>
    <col min="4894" max="4894" width="10.140625" style="3" bestFit="1" customWidth="1"/>
    <col min="4895" max="5118" width="9.140625" style="3"/>
    <col min="5119" max="5119" width="9.85546875" style="3" customWidth="1"/>
    <col min="5120" max="5120" width="44.140625" style="3" customWidth="1"/>
    <col min="5121" max="5121" width="14.7109375" style="3" customWidth="1"/>
    <col min="5122" max="5139" width="7" style="3" customWidth="1"/>
    <col min="5140" max="5140" width="10.7109375" style="3" bestFit="1" customWidth="1"/>
    <col min="5141" max="5141" width="15.85546875" style="3" customWidth="1"/>
    <col min="5142" max="5142" width="5.7109375" style="3" customWidth="1"/>
    <col min="5143" max="5143" width="5.5703125" style="3" customWidth="1"/>
    <col min="5144" max="5144" width="5.7109375" style="3" customWidth="1"/>
    <col min="5145" max="5148" width="5.5703125" style="3" customWidth="1"/>
    <col min="5149" max="5149" width="9.140625" style="3"/>
    <col min="5150" max="5150" width="10.140625" style="3" bestFit="1" customWidth="1"/>
    <col min="5151" max="5374" width="9.140625" style="3"/>
    <col min="5375" max="5375" width="9.85546875" style="3" customWidth="1"/>
    <col min="5376" max="5376" width="44.140625" style="3" customWidth="1"/>
    <col min="5377" max="5377" width="14.7109375" style="3" customWidth="1"/>
    <col min="5378" max="5395" width="7" style="3" customWidth="1"/>
    <col min="5396" max="5396" width="10.7109375" style="3" bestFit="1" customWidth="1"/>
    <col min="5397" max="5397" width="15.85546875" style="3" customWidth="1"/>
    <col min="5398" max="5398" width="5.7109375" style="3" customWidth="1"/>
    <col min="5399" max="5399" width="5.5703125" style="3" customWidth="1"/>
    <col min="5400" max="5400" width="5.7109375" style="3" customWidth="1"/>
    <col min="5401" max="5404" width="5.5703125" style="3" customWidth="1"/>
    <col min="5405" max="5405" width="9.140625" style="3"/>
    <col min="5406" max="5406" width="10.140625" style="3" bestFit="1" customWidth="1"/>
    <col min="5407" max="5630" width="9.140625" style="3"/>
    <col min="5631" max="5631" width="9.85546875" style="3" customWidth="1"/>
    <col min="5632" max="5632" width="44.140625" style="3" customWidth="1"/>
    <col min="5633" max="5633" width="14.7109375" style="3" customWidth="1"/>
    <col min="5634" max="5651" width="7" style="3" customWidth="1"/>
    <col min="5652" max="5652" width="10.7109375" style="3" bestFit="1" customWidth="1"/>
    <col min="5653" max="5653" width="15.85546875" style="3" customWidth="1"/>
    <col min="5654" max="5654" width="5.7109375" style="3" customWidth="1"/>
    <col min="5655" max="5655" width="5.5703125" style="3" customWidth="1"/>
    <col min="5656" max="5656" width="5.7109375" style="3" customWidth="1"/>
    <col min="5657" max="5660" width="5.5703125" style="3" customWidth="1"/>
    <col min="5661" max="5661" width="9.140625" style="3"/>
    <col min="5662" max="5662" width="10.140625" style="3" bestFit="1" customWidth="1"/>
    <col min="5663" max="5886" width="9.140625" style="3"/>
    <col min="5887" max="5887" width="9.85546875" style="3" customWidth="1"/>
    <col min="5888" max="5888" width="44.140625" style="3" customWidth="1"/>
    <col min="5889" max="5889" width="14.7109375" style="3" customWidth="1"/>
    <col min="5890" max="5907" width="7" style="3" customWidth="1"/>
    <col min="5908" max="5908" width="10.7109375" style="3" bestFit="1" customWidth="1"/>
    <col min="5909" max="5909" width="15.85546875" style="3" customWidth="1"/>
    <col min="5910" max="5910" width="5.7109375" style="3" customWidth="1"/>
    <col min="5911" max="5911" width="5.5703125" style="3" customWidth="1"/>
    <col min="5912" max="5912" width="5.7109375" style="3" customWidth="1"/>
    <col min="5913" max="5916" width="5.5703125" style="3" customWidth="1"/>
    <col min="5917" max="5917" width="9.140625" style="3"/>
    <col min="5918" max="5918" width="10.140625" style="3" bestFit="1" customWidth="1"/>
    <col min="5919" max="6142" width="9.140625" style="3"/>
    <col min="6143" max="6143" width="9.85546875" style="3" customWidth="1"/>
    <col min="6144" max="6144" width="44.140625" style="3" customWidth="1"/>
    <col min="6145" max="6145" width="14.7109375" style="3" customWidth="1"/>
    <col min="6146" max="6163" width="7" style="3" customWidth="1"/>
    <col min="6164" max="6164" width="10.7109375" style="3" bestFit="1" customWidth="1"/>
    <col min="6165" max="6165" width="15.85546875" style="3" customWidth="1"/>
    <col min="6166" max="6166" width="5.7109375" style="3" customWidth="1"/>
    <col min="6167" max="6167" width="5.5703125" style="3" customWidth="1"/>
    <col min="6168" max="6168" width="5.7109375" style="3" customWidth="1"/>
    <col min="6169" max="6172" width="5.5703125" style="3" customWidth="1"/>
    <col min="6173" max="6173" width="9.140625" style="3"/>
    <col min="6174" max="6174" width="10.140625" style="3" bestFit="1" customWidth="1"/>
    <col min="6175" max="6398" width="9.140625" style="3"/>
    <col min="6399" max="6399" width="9.85546875" style="3" customWidth="1"/>
    <col min="6400" max="6400" width="44.140625" style="3" customWidth="1"/>
    <col min="6401" max="6401" width="14.7109375" style="3" customWidth="1"/>
    <col min="6402" max="6419" width="7" style="3" customWidth="1"/>
    <col min="6420" max="6420" width="10.7109375" style="3" bestFit="1" customWidth="1"/>
    <col min="6421" max="6421" width="15.85546875" style="3" customWidth="1"/>
    <col min="6422" max="6422" width="5.7109375" style="3" customWidth="1"/>
    <col min="6423" max="6423" width="5.5703125" style="3" customWidth="1"/>
    <col min="6424" max="6424" width="5.7109375" style="3" customWidth="1"/>
    <col min="6425" max="6428" width="5.5703125" style="3" customWidth="1"/>
    <col min="6429" max="6429" width="9.140625" style="3"/>
    <col min="6430" max="6430" width="10.140625" style="3" bestFit="1" customWidth="1"/>
    <col min="6431" max="6654" width="9.140625" style="3"/>
    <col min="6655" max="6655" width="9.85546875" style="3" customWidth="1"/>
    <col min="6656" max="6656" width="44.140625" style="3" customWidth="1"/>
    <col min="6657" max="6657" width="14.7109375" style="3" customWidth="1"/>
    <col min="6658" max="6675" width="7" style="3" customWidth="1"/>
    <col min="6676" max="6676" width="10.7109375" style="3" bestFit="1" customWidth="1"/>
    <col min="6677" max="6677" width="15.85546875" style="3" customWidth="1"/>
    <col min="6678" max="6678" width="5.7109375" style="3" customWidth="1"/>
    <col min="6679" max="6679" width="5.5703125" style="3" customWidth="1"/>
    <col min="6680" max="6680" width="5.7109375" style="3" customWidth="1"/>
    <col min="6681" max="6684" width="5.5703125" style="3" customWidth="1"/>
    <col min="6685" max="6685" width="9.140625" style="3"/>
    <col min="6686" max="6686" width="10.140625" style="3" bestFit="1" customWidth="1"/>
    <col min="6687" max="6910" width="9.140625" style="3"/>
    <col min="6911" max="6911" width="9.85546875" style="3" customWidth="1"/>
    <col min="6912" max="6912" width="44.140625" style="3" customWidth="1"/>
    <col min="6913" max="6913" width="14.7109375" style="3" customWidth="1"/>
    <col min="6914" max="6931" width="7" style="3" customWidth="1"/>
    <col min="6932" max="6932" width="10.7109375" style="3" bestFit="1" customWidth="1"/>
    <col min="6933" max="6933" width="15.85546875" style="3" customWidth="1"/>
    <col min="6934" max="6934" width="5.7109375" style="3" customWidth="1"/>
    <col min="6935" max="6935" width="5.5703125" style="3" customWidth="1"/>
    <col min="6936" max="6936" width="5.7109375" style="3" customWidth="1"/>
    <col min="6937" max="6940" width="5.5703125" style="3" customWidth="1"/>
    <col min="6941" max="6941" width="9.140625" style="3"/>
    <col min="6942" max="6942" width="10.140625" style="3" bestFit="1" customWidth="1"/>
    <col min="6943" max="7166" width="9.140625" style="3"/>
    <col min="7167" max="7167" width="9.85546875" style="3" customWidth="1"/>
    <col min="7168" max="7168" width="44.140625" style="3" customWidth="1"/>
    <col min="7169" max="7169" width="14.7109375" style="3" customWidth="1"/>
    <col min="7170" max="7187" width="7" style="3" customWidth="1"/>
    <col min="7188" max="7188" width="10.7109375" style="3" bestFit="1" customWidth="1"/>
    <col min="7189" max="7189" width="15.85546875" style="3" customWidth="1"/>
    <col min="7190" max="7190" width="5.7109375" style="3" customWidth="1"/>
    <col min="7191" max="7191" width="5.5703125" style="3" customWidth="1"/>
    <col min="7192" max="7192" width="5.7109375" style="3" customWidth="1"/>
    <col min="7193" max="7196" width="5.5703125" style="3" customWidth="1"/>
    <col min="7197" max="7197" width="9.140625" style="3"/>
    <col min="7198" max="7198" width="10.140625" style="3" bestFit="1" customWidth="1"/>
    <col min="7199" max="7422" width="9.140625" style="3"/>
    <col min="7423" max="7423" width="9.85546875" style="3" customWidth="1"/>
    <col min="7424" max="7424" width="44.140625" style="3" customWidth="1"/>
    <col min="7425" max="7425" width="14.7109375" style="3" customWidth="1"/>
    <col min="7426" max="7443" width="7" style="3" customWidth="1"/>
    <col min="7444" max="7444" width="10.7109375" style="3" bestFit="1" customWidth="1"/>
    <col min="7445" max="7445" width="15.85546875" style="3" customWidth="1"/>
    <col min="7446" max="7446" width="5.7109375" style="3" customWidth="1"/>
    <col min="7447" max="7447" width="5.5703125" style="3" customWidth="1"/>
    <col min="7448" max="7448" width="5.7109375" style="3" customWidth="1"/>
    <col min="7449" max="7452" width="5.5703125" style="3" customWidth="1"/>
    <col min="7453" max="7453" width="9.140625" style="3"/>
    <col min="7454" max="7454" width="10.140625" style="3" bestFit="1" customWidth="1"/>
    <col min="7455" max="7678" width="9.140625" style="3"/>
    <col min="7679" max="7679" width="9.85546875" style="3" customWidth="1"/>
    <col min="7680" max="7680" width="44.140625" style="3" customWidth="1"/>
    <col min="7681" max="7681" width="14.7109375" style="3" customWidth="1"/>
    <col min="7682" max="7699" width="7" style="3" customWidth="1"/>
    <col min="7700" max="7700" width="10.7109375" style="3" bestFit="1" customWidth="1"/>
    <col min="7701" max="7701" width="15.85546875" style="3" customWidth="1"/>
    <col min="7702" max="7702" width="5.7109375" style="3" customWidth="1"/>
    <col min="7703" max="7703" width="5.5703125" style="3" customWidth="1"/>
    <col min="7704" max="7704" width="5.7109375" style="3" customWidth="1"/>
    <col min="7705" max="7708" width="5.5703125" style="3" customWidth="1"/>
    <col min="7709" max="7709" width="9.140625" style="3"/>
    <col min="7710" max="7710" width="10.140625" style="3" bestFit="1" customWidth="1"/>
    <col min="7711" max="7934" width="9.140625" style="3"/>
    <col min="7935" max="7935" width="9.85546875" style="3" customWidth="1"/>
    <col min="7936" max="7936" width="44.140625" style="3" customWidth="1"/>
    <col min="7937" max="7937" width="14.7109375" style="3" customWidth="1"/>
    <col min="7938" max="7955" width="7" style="3" customWidth="1"/>
    <col min="7956" max="7956" width="10.7109375" style="3" bestFit="1" customWidth="1"/>
    <col min="7957" max="7957" width="15.85546875" style="3" customWidth="1"/>
    <col min="7958" max="7958" width="5.7109375" style="3" customWidth="1"/>
    <col min="7959" max="7959" width="5.5703125" style="3" customWidth="1"/>
    <col min="7960" max="7960" width="5.7109375" style="3" customWidth="1"/>
    <col min="7961" max="7964" width="5.5703125" style="3" customWidth="1"/>
    <col min="7965" max="7965" width="9.140625" style="3"/>
    <col min="7966" max="7966" width="10.140625" style="3" bestFit="1" customWidth="1"/>
    <col min="7967" max="8190" width="9.140625" style="3"/>
    <col min="8191" max="8191" width="9.85546875" style="3" customWidth="1"/>
    <col min="8192" max="8192" width="44.140625" style="3" customWidth="1"/>
    <col min="8193" max="8193" width="14.7109375" style="3" customWidth="1"/>
    <col min="8194" max="8211" width="7" style="3" customWidth="1"/>
    <col min="8212" max="8212" width="10.7109375" style="3" bestFit="1" customWidth="1"/>
    <col min="8213" max="8213" width="15.85546875" style="3" customWidth="1"/>
    <col min="8214" max="8214" width="5.7109375" style="3" customWidth="1"/>
    <col min="8215" max="8215" width="5.5703125" style="3" customWidth="1"/>
    <col min="8216" max="8216" width="5.7109375" style="3" customWidth="1"/>
    <col min="8217" max="8220" width="5.5703125" style="3" customWidth="1"/>
    <col min="8221" max="8221" width="9.140625" style="3"/>
    <col min="8222" max="8222" width="10.140625" style="3" bestFit="1" customWidth="1"/>
    <col min="8223" max="8446" width="9.140625" style="3"/>
    <col min="8447" max="8447" width="9.85546875" style="3" customWidth="1"/>
    <col min="8448" max="8448" width="44.140625" style="3" customWidth="1"/>
    <col min="8449" max="8449" width="14.7109375" style="3" customWidth="1"/>
    <col min="8450" max="8467" width="7" style="3" customWidth="1"/>
    <col min="8468" max="8468" width="10.7109375" style="3" bestFit="1" customWidth="1"/>
    <col min="8469" max="8469" width="15.85546875" style="3" customWidth="1"/>
    <col min="8470" max="8470" width="5.7109375" style="3" customWidth="1"/>
    <col min="8471" max="8471" width="5.5703125" style="3" customWidth="1"/>
    <col min="8472" max="8472" width="5.7109375" style="3" customWidth="1"/>
    <col min="8473" max="8476" width="5.5703125" style="3" customWidth="1"/>
    <col min="8477" max="8477" width="9.140625" style="3"/>
    <col min="8478" max="8478" width="10.140625" style="3" bestFit="1" customWidth="1"/>
    <col min="8479" max="8702" width="9.140625" style="3"/>
    <col min="8703" max="8703" width="9.85546875" style="3" customWidth="1"/>
    <col min="8704" max="8704" width="44.140625" style="3" customWidth="1"/>
    <col min="8705" max="8705" width="14.7109375" style="3" customWidth="1"/>
    <col min="8706" max="8723" width="7" style="3" customWidth="1"/>
    <col min="8724" max="8724" width="10.7109375" style="3" bestFit="1" customWidth="1"/>
    <col min="8725" max="8725" width="15.85546875" style="3" customWidth="1"/>
    <col min="8726" max="8726" width="5.7109375" style="3" customWidth="1"/>
    <col min="8727" max="8727" width="5.5703125" style="3" customWidth="1"/>
    <col min="8728" max="8728" width="5.7109375" style="3" customWidth="1"/>
    <col min="8729" max="8732" width="5.5703125" style="3" customWidth="1"/>
    <col min="8733" max="8733" width="9.140625" style="3"/>
    <col min="8734" max="8734" width="10.140625" style="3" bestFit="1" customWidth="1"/>
    <col min="8735" max="8958" width="9.140625" style="3"/>
    <col min="8959" max="8959" width="9.85546875" style="3" customWidth="1"/>
    <col min="8960" max="8960" width="44.140625" style="3" customWidth="1"/>
    <col min="8961" max="8961" width="14.7109375" style="3" customWidth="1"/>
    <col min="8962" max="8979" width="7" style="3" customWidth="1"/>
    <col min="8980" max="8980" width="10.7109375" style="3" bestFit="1" customWidth="1"/>
    <col min="8981" max="8981" width="15.85546875" style="3" customWidth="1"/>
    <col min="8982" max="8982" width="5.7109375" style="3" customWidth="1"/>
    <col min="8983" max="8983" width="5.5703125" style="3" customWidth="1"/>
    <col min="8984" max="8984" width="5.7109375" style="3" customWidth="1"/>
    <col min="8985" max="8988" width="5.5703125" style="3" customWidth="1"/>
    <col min="8989" max="8989" width="9.140625" style="3"/>
    <col min="8990" max="8990" width="10.140625" style="3" bestFit="1" customWidth="1"/>
    <col min="8991" max="9214" width="9.140625" style="3"/>
    <col min="9215" max="9215" width="9.85546875" style="3" customWidth="1"/>
    <col min="9216" max="9216" width="44.140625" style="3" customWidth="1"/>
    <col min="9217" max="9217" width="14.7109375" style="3" customWidth="1"/>
    <col min="9218" max="9235" width="7" style="3" customWidth="1"/>
    <col min="9236" max="9236" width="10.7109375" style="3" bestFit="1" customWidth="1"/>
    <col min="9237" max="9237" width="15.85546875" style="3" customWidth="1"/>
    <col min="9238" max="9238" width="5.7109375" style="3" customWidth="1"/>
    <col min="9239" max="9239" width="5.5703125" style="3" customWidth="1"/>
    <col min="9240" max="9240" width="5.7109375" style="3" customWidth="1"/>
    <col min="9241" max="9244" width="5.5703125" style="3" customWidth="1"/>
    <col min="9245" max="9245" width="9.140625" style="3"/>
    <col min="9246" max="9246" width="10.140625" style="3" bestFit="1" customWidth="1"/>
    <col min="9247" max="9470" width="9.140625" style="3"/>
    <col min="9471" max="9471" width="9.85546875" style="3" customWidth="1"/>
    <col min="9472" max="9472" width="44.140625" style="3" customWidth="1"/>
    <col min="9473" max="9473" width="14.7109375" style="3" customWidth="1"/>
    <col min="9474" max="9491" width="7" style="3" customWidth="1"/>
    <col min="9492" max="9492" width="10.7109375" style="3" bestFit="1" customWidth="1"/>
    <col min="9493" max="9493" width="15.85546875" style="3" customWidth="1"/>
    <col min="9494" max="9494" width="5.7109375" style="3" customWidth="1"/>
    <col min="9495" max="9495" width="5.5703125" style="3" customWidth="1"/>
    <col min="9496" max="9496" width="5.7109375" style="3" customWidth="1"/>
    <col min="9497" max="9500" width="5.5703125" style="3" customWidth="1"/>
    <col min="9501" max="9501" width="9.140625" style="3"/>
    <col min="9502" max="9502" width="10.140625" style="3" bestFit="1" customWidth="1"/>
    <col min="9503" max="9726" width="9.140625" style="3"/>
    <col min="9727" max="9727" width="9.85546875" style="3" customWidth="1"/>
    <col min="9728" max="9728" width="44.140625" style="3" customWidth="1"/>
    <col min="9729" max="9729" width="14.7109375" style="3" customWidth="1"/>
    <col min="9730" max="9747" width="7" style="3" customWidth="1"/>
    <col min="9748" max="9748" width="10.7109375" style="3" bestFit="1" customWidth="1"/>
    <col min="9749" max="9749" width="15.85546875" style="3" customWidth="1"/>
    <col min="9750" max="9750" width="5.7109375" style="3" customWidth="1"/>
    <col min="9751" max="9751" width="5.5703125" style="3" customWidth="1"/>
    <col min="9752" max="9752" width="5.7109375" style="3" customWidth="1"/>
    <col min="9753" max="9756" width="5.5703125" style="3" customWidth="1"/>
    <col min="9757" max="9757" width="9.140625" style="3"/>
    <col min="9758" max="9758" width="10.140625" style="3" bestFit="1" customWidth="1"/>
    <col min="9759" max="9982" width="9.140625" style="3"/>
    <col min="9983" max="9983" width="9.85546875" style="3" customWidth="1"/>
    <col min="9984" max="9984" width="44.140625" style="3" customWidth="1"/>
    <col min="9985" max="9985" width="14.7109375" style="3" customWidth="1"/>
    <col min="9986" max="10003" width="7" style="3" customWidth="1"/>
    <col min="10004" max="10004" width="10.7109375" style="3" bestFit="1" customWidth="1"/>
    <col min="10005" max="10005" width="15.85546875" style="3" customWidth="1"/>
    <col min="10006" max="10006" width="5.7109375" style="3" customWidth="1"/>
    <col min="10007" max="10007" width="5.5703125" style="3" customWidth="1"/>
    <col min="10008" max="10008" width="5.7109375" style="3" customWidth="1"/>
    <col min="10009" max="10012" width="5.5703125" style="3" customWidth="1"/>
    <col min="10013" max="10013" width="9.140625" style="3"/>
    <col min="10014" max="10014" width="10.140625" style="3" bestFit="1" customWidth="1"/>
    <col min="10015" max="10238" width="9.140625" style="3"/>
    <col min="10239" max="10239" width="9.85546875" style="3" customWidth="1"/>
    <col min="10240" max="10240" width="44.140625" style="3" customWidth="1"/>
    <col min="10241" max="10241" width="14.7109375" style="3" customWidth="1"/>
    <col min="10242" max="10259" width="7" style="3" customWidth="1"/>
    <col min="10260" max="10260" width="10.7109375" style="3" bestFit="1" customWidth="1"/>
    <col min="10261" max="10261" width="15.85546875" style="3" customWidth="1"/>
    <col min="10262" max="10262" width="5.7109375" style="3" customWidth="1"/>
    <col min="10263" max="10263" width="5.5703125" style="3" customWidth="1"/>
    <col min="10264" max="10264" width="5.7109375" style="3" customWidth="1"/>
    <col min="10265" max="10268" width="5.5703125" style="3" customWidth="1"/>
    <col min="10269" max="10269" width="9.140625" style="3"/>
    <col min="10270" max="10270" width="10.140625" style="3" bestFit="1" customWidth="1"/>
    <col min="10271" max="10494" width="9.140625" style="3"/>
    <col min="10495" max="10495" width="9.85546875" style="3" customWidth="1"/>
    <col min="10496" max="10496" width="44.140625" style="3" customWidth="1"/>
    <col min="10497" max="10497" width="14.7109375" style="3" customWidth="1"/>
    <col min="10498" max="10515" width="7" style="3" customWidth="1"/>
    <col min="10516" max="10516" width="10.7109375" style="3" bestFit="1" customWidth="1"/>
    <col min="10517" max="10517" width="15.85546875" style="3" customWidth="1"/>
    <col min="10518" max="10518" width="5.7109375" style="3" customWidth="1"/>
    <col min="10519" max="10519" width="5.5703125" style="3" customWidth="1"/>
    <col min="10520" max="10520" width="5.7109375" style="3" customWidth="1"/>
    <col min="10521" max="10524" width="5.5703125" style="3" customWidth="1"/>
    <col min="10525" max="10525" width="9.140625" style="3"/>
    <col min="10526" max="10526" width="10.140625" style="3" bestFit="1" customWidth="1"/>
    <col min="10527" max="10750" width="9.140625" style="3"/>
    <col min="10751" max="10751" width="9.85546875" style="3" customWidth="1"/>
    <col min="10752" max="10752" width="44.140625" style="3" customWidth="1"/>
    <col min="10753" max="10753" width="14.7109375" style="3" customWidth="1"/>
    <col min="10754" max="10771" width="7" style="3" customWidth="1"/>
    <col min="10772" max="10772" width="10.7109375" style="3" bestFit="1" customWidth="1"/>
    <col min="10773" max="10773" width="15.85546875" style="3" customWidth="1"/>
    <col min="10774" max="10774" width="5.7109375" style="3" customWidth="1"/>
    <col min="10775" max="10775" width="5.5703125" style="3" customWidth="1"/>
    <col min="10776" max="10776" width="5.7109375" style="3" customWidth="1"/>
    <col min="10777" max="10780" width="5.5703125" style="3" customWidth="1"/>
    <col min="10781" max="10781" width="9.140625" style="3"/>
    <col min="10782" max="10782" width="10.140625" style="3" bestFit="1" customWidth="1"/>
    <col min="10783" max="11006" width="9.140625" style="3"/>
    <col min="11007" max="11007" width="9.85546875" style="3" customWidth="1"/>
    <col min="11008" max="11008" width="44.140625" style="3" customWidth="1"/>
    <col min="11009" max="11009" width="14.7109375" style="3" customWidth="1"/>
    <col min="11010" max="11027" width="7" style="3" customWidth="1"/>
    <col min="11028" max="11028" width="10.7109375" style="3" bestFit="1" customWidth="1"/>
    <col min="11029" max="11029" width="15.85546875" style="3" customWidth="1"/>
    <col min="11030" max="11030" width="5.7109375" style="3" customWidth="1"/>
    <col min="11031" max="11031" width="5.5703125" style="3" customWidth="1"/>
    <col min="11032" max="11032" width="5.7109375" style="3" customWidth="1"/>
    <col min="11033" max="11036" width="5.5703125" style="3" customWidth="1"/>
    <col min="11037" max="11037" width="9.140625" style="3"/>
    <col min="11038" max="11038" width="10.140625" style="3" bestFit="1" customWidth="1"/>
    <col min="11039" max="11262" width="9.140625" style="3"/>
    <col min="11263" max="11263" width="9.85546875" style="3" customWidth="1"/>
    <col min="11264" max="11264" width="44.140625" style="3" customWidth="1"/>
    <col min="11265" max="11265" width="14.7109375" style="3" customWidth="1"/>
    <col min="11266" max="11283" width="7" style="3" customWidth="1"/>
    <col min="11284" max="11284" width="10.7109375" style="3" bestFit="1" customWidth="1"/>
    <col min="11285" max="11285" width="15.85546875" style="3" customWidth="1"/>
    <col min="11286" max="11286" width="5.7109375" style="3" customWidth="1"/>
    <col min="11287" max="11287" width="5.5703125" style="3" customWidth="1"/>
    <col min="11288" max="11288" width="5.7109375" style="3" customWidth="1"/>
    <col min="11289" max="11292" width="5.5703125" style="3" customWidth="1"/>
    <col min="11293" max="11293" width="9.140625" style="3"/>
    <col min="11294" max="11294" width="10.140625" style="3" bestFit="1" customWidth="1"/>
    <col min="11295" max="11518" width="9.140625" style="3"/>
    <col min="11519" max="11519" width="9.85546875" style="3" customWidth="1"/>
    <col min="11520" max="11520" width="44.140625" style="3" customWidth="1"/>
    <col min="11521" max="11521" width="14.7109375" style="3" customWidth="1"/>
    <col min="11522" max="11539" width="7" style="3" customWidth="1"/>
    <col min="11540" max="11540" width="10.7109375" style="3" bestFit="1" customWidth="1"/>
    <col min="11541" max="11541" width="15.85546875" style="3" customWidth="1"/>
    <col min="11542" max="11542" width="5.7109375" style="3" customWidth="1"/>
    <col min="11543" max="11543" width="5.5703125" style="3" customWidth="1"/>
    <col min="11544" max="11544" width="5.7109375" style="3" customWidth="1"/>
    <col min="11545" max="11548" width="5.5703125" style="3" customWidth="1"/>
    <col min="11549" max="11549" width="9.140625" style="3"/>
    <col min="11550" max="11550" width="10.140625" style="3" bestFit="1" customWidth="1"/>
    <col min="11551" max="11774" width="9.140625" style="3"/>
    <col min="11775" max="11775" width="9.85546875" style="3" customWidth="1"/>
    <col min="11776" max="11776" width="44.140625" style="3" customWidth="1"/>
    <col min="11777" max="11777" width="14.7109375" style="3" customWidth="1"/>
    <col min="11778" max="11795" width="7" style="3" customWidth="1"/>
    <col min="11796" max="11796" width="10.7109375" style="3" bestFit="1" customWidth="1"/>
    <col min="11797" max="11797" width="15.85546875" style="3" customWidth="1"/>
    <col min="11798" max="11798" width="5.7109375" style="3" customWidth="1"/>
    <col min="11799" max="11799" width="5.5703125" style="3" customWidth="1"/>
    <col min="11800" max="11800" width="5.7109375" style="3" customWidth="1"/>
    <col min="11801" max="11804" width="5.5703125" style="3" customWidth="1"/>
    <col min="11805" max="11805" width="9.140625" style="3"/>
    <col min="11806" max="11806" width="10.140625" style="3" bestFit="1" customWidth="1"/>
    <col min="11807" max="12030" width="9.140625" style="3"/>
    <col min="12031" max="12031" width="9.85546875" style="3" customWidth="1"/>
    <col min="12032" max="12032" width="44.140625" style="3" customWidth="1"/>
    <col min="12033" max="12033" width="14.7109375" style="3" customWidth="1"/>
    <col min="12034" max="12051" width="7" style="3" customWidth="1"/>
    <col min="12052" max="12052" width="10.7109375" style="3" bestFit="1" customWidth="1"/>
    <col min="12053" max="12053" width="15.85546875" style="3" customWidth="1"/>
    <col min="12054" max="12054" width="5.7109375" style="3" customWidth="1"/>
    <col min="12055" max="12055" width="5.5703125" style="3" customWidth="1"/>
    <col min="12056" max="12056" width="5.7109375" style="3" customWidth="1"/>
    <col min="12057" max="12060" width="5.5703125" style="3" customWidth="1"/>
    <col min="12061" max="12061" width="9.140625" style="3"/>
    <col min="12062" max="12062" width="10.140625" style="3" bestFit="1" customWidth="1"/>
    <col min="12063" max="12286" width="9.140625" style="3"/>
    <col min="12287" max="12287" width="9.85546875" style="3" customWidth="1"/>
    <col min="12288" max="12288" width="44.140625" style="3" customWidth="1"/>
    <col min="12289" max="12289" width="14.7109375" style="3" customWidth="1"/>
    <col min="12290" max="12307" width="7" style="3" customWidth="1"/>
    <col min="12308" max="12308" width="10.7109375" style="3" bestFit="1" customWidth="1"/>
    <col min="12309" max="12309" width="15.85546875" style="3" customWidth="1"/>
    <col min="12310" max="12310" width="5.7109375" style="3" customWidth="1"/>
    <col min="12311" max="12311" width="5.5703125" style="3" customWidth="1"/>
    <col min="12312" max="12312" width="5.7109375" style="3" customWidth="1"/>
    <col min="12313" max="12316" width="5.5703125" style="3" customWidth="1"/>
    <col min="12317" max="12317" width="9.140625" style="3"/>
    <col min="12318" max="12318" width="10.140625" style="3" bestFit="1" customWidth="1"/>
    <col min="12319" max="12542" width="9.140625" style="3"/>
    <col min="12543" max="12543" width="9.85546875" style="3" customWidth="1"/>
    <col min="12544" max="12544" width="44.140625" style="3" customWidth="1"/>
    <col min="12545" max="12545" width="14.7109375" style="3" customWidth="1"/>
    <col min="12546" max="12563" width="7" style="3" customWidth="1"/>
    <col min="12564" max="12564" width="10.7109375" style="3" bestFit="1" customWidth="1"/>
    <col min="12565" max="12565" width="15.85546875" style="3" customWidth="1"/>
    <col min="12566" max="12566" width="5.7109375" style="3" customWidth="1"/>
    <col min="12567" max="12567" width="5.5703125" style="3" customWidth="1"/>
    <col min="12568" max="12568" width="5.7109375" style="3" customWidth="1"/>
    <col min="12569" max="12572" width="5.5703125" style="3" customWidth="1"/>
    <col min="12573" max="12573" width="9.140625" style="3"/>
    <col min="12574" max="12574" width="10.140625" style="3" bestFit="1" customWidth="1"/>
    <col min="12575" max="12798" width="9.140625" style="3"/>
    <col min="12799" max="12799" width="9.85546875" style="3" customWidth="1"/>
    <col min="12800" max="12800" width="44.140625" style="3" customWidth="1"/>
    <col min="12801" max="12801" width="14.7109375" style="3" customWidth="1"/>
    <col min="12802" max="12819" width="7" style="3" customWidth="1"/>
    <col min="12820" max="12820" width="10.7109375" style="3" bestFit="1" customWidth="1"/>
    <col min="12821" max="12821" width="15.85546875" style="3" customWidth="1"/>
    <col min="12822" max="12822" width="5.7109375" style="3" customWidth="1"/>
    <col min="12823" max="12823" width="5.5703125" style="3" customWidth="1"/>
    <col min="12824" max="12824" width="5.7109375" style="3" customWidth="1"/>
    <col min="12825" max="12828" width="5.5703125" style="3" customWidth="1"/>
    <col min="12829" max="12829" width="9.140625" style="3"/>
    <col min="12830" max="12830" width="10.140625" style="3" bestFit="1" customWidth="1"/>
    <col min="12831" max="13054" width="9.140625" style="3"/>
    <col min="13055" max="13055" width="9.85546875" style="3" customWidth="1"/>
    <col min="13056" max="13056" width="44.140625" style="3" customWidth="1"/>
    <col min="13057" max="13057" width="14.7109375" style="3" customWidth="1"/>
    <col min="13058" max="13075" width="7" style="3" customWidth="1"/>
    <col min="13076" max="13076" width="10.7109375" style="3" bestFit="1" customWidth="1"/>
    <col min="13077" max="13077" width="15.85546875" style="3" customWidth="1"/>
    <col min="13078" max="13078" width="5.7109375" style="3" customWidth="1"/>
    <col min="13079" max="13079" width="5.5703125" style="3" customWidth="1"/>
    <col min="13080" max="13080" width="5.7109375" style="3" customWidth="1"/>
    <col min="13081" max="13084" width="5.5703125" style="3" customWidth="1"/>
    <col min="13085" max="13085" width="9.140625" style="3"/>
    <col min="13086" max="13086" width="10.140625" style="3" bestFit="1" customWidth="1"/>
    <col min="13087" max="13310" width="9.140625" style="3"/>
    <col min="13311" max="13311" width="9.85546875" style="3" customWidth="1"/>
    <col min="13312" max="13312" width="44.140625" style="3" customWidth="1"/>
    <col min="13313" max="13313" width="14.7109375" style="3" customWidth="1"/>
    <col min="13314" max="13331" width="7" style="3" customWidth="1"/>
    <col min="13332" max="13332" width="10.7109375" style="3" bestFit="1" customWidth="1"/>
    <col min="13333" max="13333" width="15.85546875" style="3" customWidth="1"/>
    <col min="13334" max="13334" width="5.7109375" style="3" customWidth="1"/>
    <col min="13335" max="13335" width="5.5703125" style="3" customWidth="1"/>
    <col min="13336" max="13336" width="5.7109375" style="3" customWidth="1"/>
    <col min="13337" max="13340" width="5.5703125" style="3" customWidth="1"/>
    <col min="13341" max="13341" width="9.140625" style="3"/>
    <col min="13342" max="13342" width="10.140625" style="3" bestFit="1" customWidth="1"/>
    <col min="13343" max="13566" width="9.140625" style="3"/>
    <col min="13567" max="13567" width="9.85546875" style="3" customWidth="1"/>
    <col min="13568" max="13568" width="44.140625" style="3" customWidth="1"/>
    <col min="13569" max="13569" width="14.7109375" style="3" customWidth="1"/>
    <col min="13570" max="13587" width="7" style="3" customWidth="1"/>
    <col min="13588" max="13588" width="10.7109375" style="3" bestFit="1" customWidth="1"/>
    <col min="13589" max="13589" width="15.85546875" style="3" customWidth="1"/>
    <col min="13590" max="13590" width="5.7109375" style="3" customWidth="1"/>
    <col min="13591" max="13591" width="5.5703125" style="3" customWidth="1"/>
    <col min="13592" max="13592" width="5.7109375" style="3" customWidth="1"/>
    <col min="13593" max="13596" width="5.5703125" style="3" customWidth="1"/>
    <col min="13597" max="13597" width="9.140625" style="3"/>
    <col min="13598" max="13598" width="10.140625" style="3" bestFit="1" customWidth="1"/>
    <col min="13599" max="13822" width="9.140625" style="3"/>
    <col min="13823" max="13823" width="9.85546875" style="3" customWidth="1"/>
    <col min="13824" max="13824" width="44.140625" style="3" customWidth="1"/>
    <col min="13825" max="13825" width="14.7109375" style="3" customWidth="1"/>
    <col min="13826" max="13843" width="7" style="3" customWidth="1"/>
    <col min="13844" max="13844" width="10.7109375" style="3" bestFit="1" customWidth="1"/>
    <col min="13845" max="13845" width="15.85546875" style="3" customWidth="1"/>
    <col min="13846" max="13846" width="5.7109375" style="3" customWidth="1"/>
    <col min="13847" max="13847" width="5.5703125" style="3" customWidth="1"/>
    <col min="13848" max="13848" width="5.7109375" style="3" customWidth="1"/>
    <col min="13849" max="13852" width="5.5703125" style="3" customWidth="1"/>
    <col min="13853" max="13853" width="9.140625" style="3"/>
    <col min="13854" max="13854" width="10.140625" style="3" bestFit="1" customWidth="1"/>
    <col min="13855" max="14078" width="9.140625" style="3"/>
    <col min="14079" max="14079" width="9.85546875" style="3" customWidth="1"/>
    <col min="14080" max="14080" width="44.140625" style="3" customWidth="1"/>
    <col min="14081" max="14081" width="14.7109375" style="3" customWidth="1"/>
    <col min="14082" max="14099" width="7" style="3" customWidth="1"/>
    <col min="14100" max="14100" width="10.7109375" style="3" bestFit="1" customWidth="1"/>
    <col min="14101" max="14101" width="15.85546875" style="3" customWidth="1"/>
    <col min="14102" max="14102" width="5.7109375" style="3" customWidth="1"/>
    <col min="14103" max="14103" width="5.5703125" style="3" customWidth="1"/>
    <col min="14104" max="14104" width="5.7109375" style="3" customWidth="1"/>
    <col min="14105" max="14108" width="5.5703125" style="3" customWidth="1"/>
    <col min="14109" max="14109" width="9.140625" style="3"/>
    <col min="14110" max="14110" width="10.140625" style="3" bestFit="1" customWidth="1"/>
    <col min="14111" max="14334" width="9.140625" style="3"/>
    <col min="14335" max="14335" width="9.85546875" style="3" customWidth="1"/>
    <col min="14336" max="14336" width="44.140625" style="3" customWidth="1"/>
    <col min="14337" max="14337" width="14.7109375" style="3" customWidth="1"/>
    <col min="14338" max="14355" width="7" style="3" customWidth="1"/>
    <col min="14356" max="14356" width="10.7109375" style="3" bestFit="1" customWidth="1"/>
    <col min="14357" max="14357" width="15.85546875" style="3" customWidth="1"/>
    <col min="14358" max="14358" width="5.7109375" style="3" customWidth="1"/>
    <col min="14359" max="14359" width="5.5703125" style="3" customWidth="1"/>
    <col min="14360" max="14360" width="5.7109375" style="3" customWidth="1"/>
    <col min="14361" max="14364" width="5.5703125" style="3" customWidth="1"/>
    <col min="14365" max="14365" width="9.140625" style="3"/>
    <col min="14366" max="14366" width="10.140625" style="3" bestFit="1" customWidth="1"/>
    <col min="14367" max="14590" width="9.140625" style="3"/>
    <col min="14591" max="14591" width="9.85546875" style="3" customWidth="1"/>
    <col min="14592" max="14592" width="44.140625" style="3" customWidth="1"/>
    <col min="14593" max="14593" width="14.7109375" style="3" customWidth="1"/>
    <col min="14594" max="14611" width="7" style="3" customWidth="1"/>
    <col min="14612" max="14612" width="10.7109375" style="3" bestFit="1" customWidth="1"/>
    <col min="14613" max="14613" width="15.85546875" style="3" customWidth="1"/>
    <col min="14614" max="14614" width="5.7109375" style="3" customWidth="1"/>
    <col min="14615" max="14615" width="5.5703125" style="3" customWidth="1"/>
    <col min="14616" max="14616" width="5.7109375" style="3" customWidth="1"/>
    <col min="14617" max="14620" width="5.5703125" style="3" customWidth="1"/>
    <col min="14621" max="14621" width="9.140625" style="3"/>
    <col min="14622" max="14622" width="10.140625" style="3" bestFit="1" customWidth="1"/>
    <col min="14623" max="14846" width="9.140625" style="3"/>
    <col min="14847" max="14847" width="9.85546875" style="3" customWidth="1"/>
    <col min="14848" max="14848" width="44.140625" style="3" customWidth="1"/>
    <col min="14849" max="14849" width="14.7109375" style="3" customWidth="1"/>
    <col min="14850" max="14867" width="7" style="3" customWidth="1"/>
    <col min="14868" max="14868" width="10.7109375" style="3" bestFit="1" customWidth="1"/>
    <col min="14869" max="14869" width="15.85546875" style="3" customWidth="1"/>
    <col min="14870" max="14870" width="5.7109375" style="3" customWidth="1"/>
    <col min="14871" max="14871" width="5.5703125" style="3" customWidth="1"/>
    <col min="14872" max="14872" width="5.7109375" style="3" customWidth="1"/>
    <col min="14873" max="14876" width="5.5703125" style="3" customWidth="1"/>
    <col min="14877" max="14877" width="9.140625" style="3"/>
    <col min="14878" max="14878" width="10.140625" style="3" bestFit="1" customWidth="1"/>
    <col min="14879" max="15102" width="9.140625" style="3"/>
    <col min="15103" max="15103" width="9.85546875" style="3" customWidth="1"/>
    <col min="15104" max="15104" width="44.140625" style="3" customWidth="1"/>
    <col min="15105" max="15105" width="14.7109375" style="3" customWidth="1"/>
    <col min="15106" max="15123" width="7" style="3" customWidth="1"/>
    <col min="15124" max="15124" width="10.7109375" style="3" bestFit="1" customWidth="1"/>
    <col min="15125" max="15125" width="15.85546875" style="3" customWidth="1"/>
    <col min="15126" max="15126" width="5.7109375" style="3" customWidth="1"/>
    <col min="15127" max="15127" width="5.5703125" style="3" customWidth="1"/>
    <col min="15128" max="15128" width="5.7109375" style="3" customWidth="1"/>
    <col min="15129" max="15132" width="5.5703125" style="3" customWidth="1"/>
    <col min="15133" max="15133" width="9.140625" style="3"/>
    <col min="15134" max="15134" width="10.140625" style="3" bestFit="1" customWidth="1"/>
    <col min="15135" max="15358" width="9.140625" style="3"/>
    <col min="15359" max="15359" width="9.85546875" style="3" customWidth="1"/>
    <col min="15360" max="15360" width="44.140625" style="3" customWidth="1"/>
    <col min="15361" max="15361" width="14.7109375" style="3" customWidth="1"/>
    <col min="15362" max="15379" width="7" style="3" customWidth="1"/>
    <col min="15380" max="15380" width="10.7109375" style="3" bestFit="1" customWidth="1"/>
    <col min="15381" max="15381" width="15.85546875" style="3" customWidth="1"/>
    <col min="15382" max="15382" width="5.7109375" style="3" customWidth="1"/>
    <col min="15383" max="15383" width="5.5703125" style="3" customWidth="1"/>
    <col min="15384" max="15384" width="5.7109375" style="3" customWidth="1"/>
    <col min="15385" max="15388" width="5.5703125" style="3" customWidth="1"/>
    <col min="15389" max="15389" width="9.140625" style="3"/>
    <col min="15390" max="15390" width="10.140625" style="3" bestFit="1" customWidth="1"/>
    <col min="15391" max="15614" width="9.140625" style="3"/>
    <col min="15615" max="15615" width="9.85546875" style="3" customWidth="1"/>
    <col min="15616" max="15616" width="44.140625" style="3" customWidth="1"/>
    <col min="15617" max="15617" width="14.7109375" style="3" customWidth="1"/>
    <col min="15618" max="15635" width="7" style="3" customWidth="1"/>
    <col min="15636" max="15636" width="10.7109375" style="3" bestFit="1" customWidth="1"/>
    <col min="15637" max="15637" width="15.85546875" style="3" customWidth="1"/>
    <col min="15638" max="15638" width="5.7109375" style="3" customWidth="1"/>
    <col min="15639" max="15639" width="5.5703125" style="3" customWidth="1"/>
    <col min="15640" max="15640" width="5.7109375" style="3" customWidth="1"/>
    <col min="15641" max="15644" width="5.5703125" style="3" customWidth="1"/>
    <col min="15645" max="15645" width="9.140625" style="3"/>
    <col min="15646" max="15646" width="10.140625" style="3" bestFit="1" customWidth="1"/>
    <col min="15647" max="15870" width="9.140625" style="3"/>
    <col min="15871" max="15871" width="9.85546875" style="3" customWidth="1"/>
    <col min="15872" max="15872" width="44.140625" style="3" customWidth="1"/>
    <col min="15873" max="15873" width="14.7109375" style="3" customWidth="1"/>
    <col min="15874" max="15891" width="7" style="3" customWidth="1"/>
    <col min="15892" max="15892" width="10.7109375" style="3" bestFit="1" customWidth="1"/>
    <col min="15893" max="15893" width="15.85546875" style="3" customWidth="1"/>
    <col min="15894" max="15894" width="5.7109375" style="3" customWidth="1"/>
    <col min="15895" max="15895" width="5.5703125" style="3" customWidth="1"/>
    <col min="15896" max="15896" width="5.7109375" style="3" customWidth="1"/>
    <col min="15897" max="15900" width="5.5703125" style="3" customWidth="1"/>
    <col min="15901" max="15901" width="9.140625" style="3"/>
    <col min="15902" max="15902" width="10.140625" style="3" bestFit="1" customWidth="1"/>
    <col min="15903" max="16126" width="9.140625" style="3"/>
    <col min="16127" max="16127" width="9.85546875" style="3" customWidth="1"/>
    <col min="16128" max="16128" width="44.140625" style="3" customWidth="1"/>
    <col min="16129" max="16129" width="14.7109375" style="3" customWidth="1"/>
    <col min="16130" max="16147" width="7" style="3" customWidth="1"/>
    <col min="16148" max="16148" width="10.7109375" style="3" bestFit="1" customWidth="1"/>
    <col min="16149" max="16149" width="15.85546875" style="3" customWidth="1"/>
    <col min="16150" max="16150" width="5.7109375" style="3" customWidth="1"/>
    <col min="16151" max="16151" width="5.5703125" style="3" customWidth="1"/>
    <col min="16152" max="16152" width="5.7109375" style="3" customWidth="1"/>
    <col min="16153" max="16156" width="5.5703125" style="3" customWidth="1"/>
    <col min="16157" max="16157" width="9.140625" style="3"/>
    <col min="16158" max="16158" width="10.140625" style="3" bestFit="1" customWidth="1"/>
    <col min="16159" max="16351" width="9.140625" style="3"/>
    <col min="16352" max="16364" width="9.140625" style="3" customWidth="1"/>
    <col min="16365" max="16384" width="9.140625" style="3"/>
  </cols>
  <sheetData>
    <row r="1" spans="1:96" ht="18" customHeight="1" x14ac:dyDescent="0.25">
      <c r="A1" s="179" t="s">
        <v>0</v>
      </c>
      <c r="B1" s="180"/>
      <c r="C1" s="180"/>
      <c r="D1" s="180"/>
      <c r="E1" s="180"/>
      <c r="F1" s="180"/>
      <c r="G1" s="180"/>
      <c r="H1" s="180"/>
      <c r="I1" s="180"/>
      <c r="J1" s="180"/>
      <c r="K1" s="180"/>
      <c r="L1" s="180"/>
      <c r="M1" s="180"/>
      <c r="N1" s="180"/>
      <c r="O1" s="180"/>
      <c r="P1" s="180"/>
      <c r="Q1" s="180"/>
      <c r="R1" s="180"/>
      <c r="S1" s="180"/>
      <c r="T1" s="180"/>
      <c r="U1" s="180"/>
      <c r="V1" s="180"/>
      <c r="W1" s="180"/>
      <c r="X1" s="180"/>
      <c r="Y1" s="180"/>
      <c r="Z1" s="180"/>
      <c r="AA1" s="180"/>
      <c r="AB1" s="180"/>
      <c r="AC1" s="180"/>
      <c r="AD1" s="180"/>
      <c r="AE1" s="180"/>
      <c r="AF1" s="180"/>
      <c r="AG1" s="180"/>
      <c r="AH1" s="180"/>
      <c r="AI1" s="180"/>
      <c r="AJ1" s="180"/>
      <c r="AK1" s="180"/>
      <c r="AL1" s="180"/>
      <c r="AM1" s="180"/>
      <c r="AN1" s="180"/>
      <c r="AO1" s="180"/>
      <c r="AP1" s="180"/>
      <c r="AQ1" s="180"/>
      <c r="AR1" s="180"/>
      <c r="AS1" s="180"/>
      <c r="AT1" s="180"/>
      <c r="AU1" s="180"/>
      <c r="AV1" s="180"/>
      <c r="AW1" s="180"/>
      <c r="AX1" s="180"/>
      <c r="AY1" s="180"/>
      <c r="AZ1" s="180"/>
      <c r="BA1" s="180"/>
      <c r="BB1" s="180"/>
      <c r="BC1" s="180"/>
      <c r="BD1" s="180"/>
      <c r="BE1" s="180"/>
      <c r="BF1" s="180"/>
      <c r="BG1" s="180"/>
      <c r="BH1" s="180"/>
      <c r="BI1" s="180"/>
      <c r="BJ1" s="180"/>
      <c r="BK1" s="180"/>
      <c r="BL1" s="180"/>
      <c r="BM1" s="180"/>
      <c r="BN1" s="180"/>
      <c r="BO1" s="180"/>
      <c r="BP1" s="180"/>
      <c r="BQ1" s="180"/>
      <c r="BR1" s="180"/>
      <c r="BS1" s="180"/>
      <c r="BT1" s="180"/>
      <c r="BU1" s="180"/>
      <c r="BV1" s="180"/>
      <c r="BW1" s="180"/>
      <c r="BX1" s="180"/>
      <c r="BY1" s="180"/>
      <c r="BZ1" s="180"/>
      <c r="CA1" s="180"/>
      <c r="CB1" s="180"/>
      <c r="CC1" s="180"/>
      <c r="CD1" s="180"/>
      <c r="CE1" s="180"/>
      <c r="CF1" s="180"/>
      <c r="CG1" s="180"/>
      <c r="CH1" s="180"/>
      <c r="CI1" s="1"/>
      <c r="CJ1" s="1"/>
      <c r="CK1" s="1"/>
      <c r="CL1" s="1"/>
      <c r="CM1" s="1"/>
      <c r="CN1" s="1"/>
      <c r="CO1" s="1"/>
      <c r="CP1" s="1"/>
      <c r="CQ1" s="1"/>
      <c r="CR1" s="2"/>
    </row>
    <row r="2" spans="1:96" ht="18" customHeight="1" x14ac:dyDescent="0.25">
      <c r="A2" s="181" t="s">
        <v>1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182"/>
      <c r="M2" s="182"/>
      <c r="N2" s="182"/>
      <c r="O2" s="182"/>
      <c r="P2" s="182"/>
      <c r="Q2" s="182"/>
      <c r="R2" s="182"/>
      <c r="S2" s="182"/>
      <c r="T2" s="182"/>
      <c r="U2" s="182"/>
      <c r="V2" s="182"/>
      <c r="W2" s="182"/>
      <c r="X2" s="182"/>
      <c r="Y2" s="182"/>
      <c r="Z2" s="182"/>
      <c r="AA2" s="182"/>
      <c r="AB2" s="182"/>
      <c r="AC2" s="182"/>
      <c r="AD2" s="182"/>
      <c r="AE2" s="182"/>
      <c r="AF2" s="182"/>
      <c r="AG2" s="182"/>
      <c r="AH2" s="182"/>
      <c r="AI2" s="182"/>
      <c r="AJ2" s="182"/>
      <c r="AK2" s="182"/>
      <c r="AL2" s="182"/>
      <c r="AM2" s="182"/>
      <c r="AN2" s="182"/>
      <c r="AO2" s="182"/>
      <c r="AP2" s="182"/>
      <c r="AQ2" s="182"/>
      <c r="AR2" s="182"/>
      <c r="AS2" s="182"/>
      <c r="AT2" s="182"/>
      <c r="AU2" s="182"/>
      <c r="AV2" s="182"/>
      <c r="AW2" s="182"/>
      <c r="AX2" s="182"/>
      <c r="AY2" s="182"/>
      <c r="AZ2" s="182"/>
      <c r="BA2" s="182"/>
      <c r="BB2" s="182"/>
      <c r="BC2" s="182"/>
      <c r="BD2" s="182"/>
      <c r="BE2" s="182"/>
      <c r="BF2" s="182"/>
      <c r="BG2" s="182"/>
      <c r="BH2" s="182"/>
      <c r="BI2" s="182"/>
      <c r="BJ2" s="182"/>
      <c r="BK2" s="182"/>
      <c r="BL2" s="182"/>
      <c r="BM2" s="182"/>
      <c r="BN2" s="182"/>
      <c r="BO2" s="182"/>
      <c r="BP2" s="182"/>
      <c r="BQ2" s="182"/>
      <c r="BR2" s="182"/>
      <c r="BS2" s="182"/>
      <c r="BT2" s="182"/>
      <c r="BU2" s="182"/>
      <c r="BV2" s="182"/>
      <c r="BW2" s="182"/>
      <c r="BX2" s="182"/>
      <c r="BY2" s="182"/>
      <c r="BZ2" s="182"/>
      <c r="CA2" s="182"/>
      <c r="CB2" s="182"/>
      <c r="CC2" s="182"/>
      <c r="CD2" s="182"/>
      <c r="CE2" s="182"/>
      <c r="CF2" s="182"/>
      <c r="CG2" s="182"/>
      <c r="CH2" s="182"/>
      <c r="CR2" s="4"/>
    </row>
    <row r="3" spans="1:96" ht="18" customHeight="1" x14ac:dyDescent="0.25">
      <c r="A3" s="181" t="s">
        <v>2</v>
      </c>
      <c r="B3" s="182"/>
      <c r="C3" s="182"/>
      <c r="D3" s="182"/>
      <c r="E3" s="182"/>
      <c r="F3" s="182"/>
      <c r="G3" s="182"/>
      <c r="H3" s="182"/>
      <c r="I3" s="182"/>
      <c r="J3" s="182"/>
      <c r="K3" s="182"/>
      <c r="L3" s="182"/>
      <c r="M3" s="182"/>
      <c r="N3" s="182"/>
      <c r="O3" s="182"/>
      <c r="P3" s="182"/>
      <c r="Q3" s="182"/>
      <c r="R3" s="182"/>
      <c r="S3" s="182"/>
      <c r="T3" s="182"/>
      <c r="U3" s="182"/>
      <c r="V3" s="182"/>
      <c r="W3" s="182"/>
      <c r="X3" s="182"/>
      <c r="Y3" s="182"/>
      <c r="Z3" s="182"/>
      <c r="AA3" s="182"/>
      <c r="AB3" s="182"/>
      <c r="AC3" s="182"/>
      <c r="AD3" s="182"/>
      <c r="AE3" s="182"/>
      <c r="AF3" s="182"/>
      <c r="AG3" s="182"/>
      <c r="AH3" s="182"/>
      <c r="AI3" s="182"/>
      <c r="AJ3" s="182"/>
      <c r="AK3" s="182"/>
      <c r="AL3" s="182"/>
      <c r="AM3" s="182"/>
      <c r="AN3" s="182"/>
      <c r="AO3" s="182"/>
      <c r="AP3" s="182"/>
      <c r="AQ3" s="182"/>
      <c r="AR3" s="182"/>
      <c r="AS3" s="182"/>
      <c r="AT3" s="182"/>
      <c r="AU3" s="182"/>
      <c r="AV3" s="182"/>
      <c r="AW3" s="182"/>
      <c r="AX3" s="182"/>
      <c r="AY3" s="182"/>
      <c r="AZ3" s="182"/>
      <c r="BA3" s="182"/>
      <c r="BB3" s="182"/>
      <c r="BC3" s="182"/>
      <c r="BD3" s="182"/>
      <c r="BE3" s="182"/>
      <c r="BF3" s="182"/>
      <c r="BG3" s="182"/>
      <c r="BH3" s="182"/>
      <c r="BI3" s="182"/>
      <c r="BJ3" s="182"/>
      <c r="BK3" s="182"/>
      <c r="BL3" s="182"/>
      <c r="BM3" s="182"/>
      <c r="BN3" s="182"/>
      <c r="BO3" s="182"/>
      <c r="BP3" s="182"/>
      <c r="BQ3" s="182"/>
      <c r="BR3" s="182"/>
      <c r="BS3" s="182"/>
      <c r="BT3" s="182"/>
      <c r="BU3" s="182"/>
      <c r="BV3" s="182"/>
      <c r="BW3" s="182"/>
      <c r="BX3" s="182"/>
      <c r="BY3" s="182"/>
      <c r="BZ3" s="182"/>
      <c r="CA3" s="182"/>
      <c r="CB3" s="182"/>
      <c r="CC3" s="182"/>
      <c r="CD3" s="182"/>
      <c r="CE3" s="182"/>
      <c r="CF3" s="182"/>
      <c r="CG3" s="182"/>
      <c r="CH3" s="182"/>
      <c r="CR3" s="4"/>
    </row>
    <row r="4" spans="1:96" ht="18" customHeight="1" thickBot="1" x14ac:dyDescent="0.25">
      <c r="A4" s="183" t="s">
        <v>3</v>
      </c>
      <c r="B4" s="184"/>
      <c r="C4" s="184"/>
      <c r="D4" s="184"/>
      <c r="E4" s="184"/>
      <c r="F4" s="184"/>
      <c r="G4" s="184"/>
      <c r="H4" s="184"/>
      <c r="I4" s="184"/>
      <c r="J4" s="184"/>
      <c r="K4" s="184"/>
      <c r="L4" s="184"/>
      <c r="M4" s="184"/>
      <c r="N4" s="184"/>
      <c r="O4" s="184"/>
      <c r="P4" s="184"/>
      <c r="Q4" s="184"/>
      <c r="R4" s="184"/>
      <c r="S4" s="184"/>
      <c r="T4" s="184"/>
      <c r="U4" s="184"/>
      <c r="V4" s="184"/>
      <c r="W4" s="184"/>
      <c r="X4" s="184"/>
      <c r="Y4" s="184"/>
      <c r="Z4" s="184"/>
      <c r="AA4" s="184"/>
      <c r="AB4" s="184"/>
      <c r="AC4" s="184"/>
      <c r="AD4" s="184"/>
      <c r="AE4" s="184"/>
      <c r="AF4" s="184"/>
      <c r="AG4" s="184"/>
      <c r="AH4" s="184"/>
      <c r="AI4" s="184"/>
      <c r="AJ4" s="184"/>
      <c r="AK4" s="184"/>
      <c r="AL4" s="184"/>
      <c r="AM4" s="184"/>
      <c r="AN4" s="184"/>
      <c r="AO4" s="184"/>
      <c r="AP4" s="184"/>
      <c r="AQ4" s="184"/>
      <c r="AR4" s="184"/>
      <c r="AS4" s="184"/>
      <c r="AT4" s="184"/>
      <c r="AU4" s="184"/>
      <c r="AV4" s="184"/>
      <c r="AW4" s="184"/>
      <c r="AX4" s="184"/>
      <c r="AY4" s="184"/>
      <c r="AZ4" s="184"/>
      <c r="BA4" s="184"/>
      <c r="BB4" s="184"/>
      <c r="BC4" s="184"/>
      <c r="BD4" s="184"/>
      <c r="BE4" s="184"/>
      <c r="BF4" s="184"/>
      <c r="BG4" s="184"/>
      <c r="BH4" s="184"/>
      <c r="BI4" s="184"/>
      <c r="BJ4" s="184"/>
      <c r="BK4" s="184"/>
      <c r="BL4" s="184"/>
      <c r="BM4" s="184"/>
      <c r="BN4" s="184"/>
      <c r="BO4" s="184"/>
      <c r="BP4" s="184"/>
      <c r="BQ4" s="184"/>
      <c r="BR4" s="184"/>
      <c r="BS4" s="184"/>
      <c r="BT4" s="184"/>
      <c r="BU4" s="184"/>
      <c r="BV4" s="184"/>
      <c r="BW4" s="184"/>
      <c r="BX4" s="184"/>
      <c r="BY4" s="184"/>
      <c r="BZ4" s="184"/>
      <c r="CA4" s="184"/>
      <c r="CB4" s="184"/>
      <c r="CC4" s="184"/>
      <c r="CD4" s="184"/>
      <c r="CE4" s="184"/>
      <c r="CF4" s="184"/>
      <c r="CG4" s="184"/>
      <c r="CH4" s="184"/>
      <c r="CR4" s="4"/>
    </row>
    <row r="5" spans="1:96" ht="15" customHeight="1" x14ac:dyDescent="0.2">
      <c r="A5" s="185" t="s">
        <v>4</v>
      </c>
      <c r="B5" s="186"/>
      <c r="C5" s="186"/>
      <c r="D5" s="186"/>
      <c r="E5" s="186"/>
      <c r="F5" s="186"/>
      <c r="G5" s="186"/>
      <c r="H5" s="186"/>
      <c r="I5" s="186"/>
      <c r="J5" s="186"/>
      <c r="K5" s="186"/>
      <c r="L5" s="186"/>
      <c r="M5" s="186"/>
      <c r="N5" s="186"/>
      <c r="O5" s="186"/>
      <c r="P5" s="186"/>
      <c r="Q5" s="186"/>
      <c r="R5" s="186"/>
      <c r="S5" s="186"/>
      <c r="T5" s="186"/>
      <c r="U5" s="186"/>
      <c r="V5" s="186"/>
      <c r="W5" s="186"/>
      <c r="X5" s="186"/>
      <c r="Y5" s="186"/>
      <c r="Z5" s="186"/>
      <c r="AA5" s="186"/>
      <c r="AB5" s="186"/>
      <c r="AC5" s="186"/>
      <c r="AD5" s="186"/>
      <c r="AE5" s="186"/>
      <c r="AF5" s="186"/>
      <c r="AG5" s="186"/>
      <c r="AH5" s="186"/>
      <c r="AI5" s="186"/>
      <c r="AJ5" s="186"/>
      <c r="AK5" s="186"/>
      <c r="AL5" s="186"/>
      <c r="AM5" s="186"/>
      <c r="AN5" s="186"/>
      <c r="AO5" s="186"/>
      <c r="AP5" s="186"/>
      <c r="AQ5" s="186"/>
      <c r="AR5" s="186"/>
      <c r="AS5" s="186"/>
      <c r="AT5" s="186"/>
      <c r="AU5" s="186"/>
      <c r="AV5" s="186"/>
      <c r="AW5" s="186"/>
      <c r="AX5" s="186"/>
      <c r="AY5" s="186"/>
      <c r="AZ5" s="186"/>
      <c r="BA5" s="186"/>
      <c r="BB5" s="186"/>
      <c r="BC5" s="186"/>
      <c r="BD5" s="186"/>
      <c r="BE5" s="186"/>
      <c r="BF5" s="186"/>
      <c r="BG5" s="186"/>
      <c r="BH5" s="186"/>
      <c r="BI5" s="186"/>
      <c r="BJ5" s="186"/>
      <c r="BK5" s="186"/>
      <c r="BL5" s="186"/>
      <c r="BM5" s="186"/>
      <c r="BN5" s="186"/>
      <c r="BO5" s="186"/>
      <c r="BP5" s="186"/>
      <c r="BQ5" s="186"/>
      <c r="BR5" s="186"/>
      <c r="BS5" s="186"/>
      <c r="BT5" s="186"/>
      <c r="BU5" s="186"/>
      <c r="BV5" s="186"/>
      <c r="BW5" s="186"/>
      <c r="BX5" s="186"/>
      <c r="BY5" s="186"/>
      <c r="BZ5" s="186"/>
      <c r="CA5" s="186"/>
      <c r="CB5" s="186"/>
      <c r="CC5" s="186"/>
      <c r="CD5" s="186"/>
      <c r="CE5" s="186"/>
      <c r="CF5" s="186"/>
      <c r="CG5" s="186"/>
      <c r="CH5" s="187"/>
      <c r="CI5" s="5"/>
      <c r="CJ5" s="5"/>
      <c r="CK5" s="5"/>
      <c r="CL5" s="5"/>
      <c r="CM5" s="5"/>
      <c r="CN5" s="5"/>
      <c r="CO5" s="5"/>
      <c r="CP5" s="5"/>
      <c r="CQ5" s="5"/>
      <c r="CR5" s="6"/>
    </row>
    <row r="6" spans="1:96" ht="30" customHeight="1" thickBot="1" x14ac:dyDescent="0.25">
      <c r="A6" s="188" t="s">
        <v>5</v>
      </c>
      <c r="B6" s="189"/>
      <c r="C6" s="189"/>
      <c r="D6" s="189"/>
      <c r="E6" s="189"/>
      <c r="F6" s="189"/>
      <c r="G6" s="189"/>
      <c r="H6" s="189"/>
      <c r="I6" s="189"/>
      <c r="J6" s="189"/>
      <c r="K6" s="189"/>
      <c r="L6" s="189"/>
      <c r="M6" s="189"/>
      <c r="N6" s="189"/>
      <c r="O6" s="189"/>
      <c r="P6" s="189"/>
      <c r="Q6" s="189"/>
      <c r="R6" s="189"/>
      <c r="S6" s="189"/>
      <c r="T6" s="189"/>
      <c r="U6" s="189"/>
      <c r="V6" s="189"/>
      <c r="W6" s="189"/>
      <c r="X6" s="189"/>
      <c r="Y6" s="189"/>
      <c r="Z6" s="189"/>
      <c r="AA6" s="189"/>
      <c r="AB6" s="189"/>
      <c r="AC6" s="189"/>
      <c r="AD6" s="189"/>
      <c r="AE6" s="189"/>
      <c r="AF6" s="189"/>
      <c r="AG6" s="189"/>
      <c r="AH6" s="189"/>
      <c r="AI6" s="189"/>
      <c r="AJ6" s="189"/>
      <c r="AK6" s="189"/>
      <c r="AL6" s="189"/>
      <c r="AM6" s="189"/>
      <c r="AN6" s="189"/>
      <c r="AO6" s="189"/>
      <c r="AP6" s="189"/>
      <c r="AQ6" s="189"/>
      <c r="AR6" s="189"/>
      <c r="AS6" s="189"/>
      <c r="AT6" s="189"/>
      <c r="AU6" s="189"/>
      <c r="AV6" s="189"/>
      <c r="AW6" s="189"/>
      <c r="AX6" s="189"/>
      <c r="AY6" s="189"/>
      <c r="AZ6" s="189"/>
      <c r="BA6" s="189"/>
      <c r="BB6" s="189"/>
      <c r="BC6" s="189"/>
      <c r="BD6" s="189"/>
      <c r="BE6" s="189"/>
      <c r="BF6" s="189"/>
      <c r="BG6" s="189"/>
      <c r="BH6" s="189"/>
      <c r="BI6" s="189"/>
      <c r="BJ6" s="189"/>
      <c r="BK6" s="189"/>
      <c r="BL6" s="189"/>
      <c r="BM6" s="189"/>
      <c r="BN6" s="189"/>
      <c r="BO6" s="189"/>
      <c r="BP6" s="189"/>
      <c r="BQ6" s="189"/>
      <c r="BR6" s="189"/>
      <c r="BS6" s="189"/>
      <c r="BT6" s="189"/>
      <c r="BU6" s="189"/>
      <c r="BV6" s="189"/>
      <c r="BW6" s="189"/>
      <c r="BX6" s="189"/>
      <c r="BY6" s="189"/>
      <c r="BZ6" s="189"/>
      <c r="CA6" s="189"/>
      <c r="CB6" s="189"/>
      <c r="CC6" s="189"/>
      <c r="CD6" s="189"/>
      <c r="CE6" s="189"/>
      <c r="CF6" s="189"/>
      <c r="CG6" s="189"/>
      <c r="CH6" s="190"/>
      <c r="CI6" s="7"/>
      <c r="CJ6" s="7"/>
      <c r="CK6" s="7"/>
      <c r="CL6" s="7"/>
      <c r="CM6" s="7"/>
      <c r="CN6" s="7"/>
      <c r="CO6" s="7"/>
      <c r="CP6" s="7"/>
      <c r="CQ6" s="7"/>
      <c r="CR6" s="8"/>
    </row>
    <row r="7" spans="1:96" ht="16.5" customHeight="1" x14ac:dyDescent="0.2">
      <c r="A7" s="9" t="s">
        <v>6</v>
      </c>
      <c r="B7" s="191"/>
      <c r="C7" s="191"/>
      <c r="D7" s="191"/>
      <c r="E7" s="191"/>
      <c r="F7" s="191"/>
      <c r="G7" s="191"/>
      <c r="H7" s="191"/>
      <c r="I7" s="191"/>
      <c r="J7" s="191"/>
      <c r="K7" s="191"/>
      <c r="L7" s="191"/>
      <c r="M7" s="191"/>
      <c r="N7" s="191"/>
      <c r="O7" s="191"/>
      <c r="P7" s="191"/>
      <c r="Q7" s="191"/>
      <c r="R7" s="191"/>
      <c r="S7" s="191"/>
      <c r="T7" s="191"/>
      <c r="U7" s="191"/>
      <c r="V7" s="191"/>
      <c r="W7" s="191"/>
      <c r="X7" s="191"/>
      <c r="Y7" s="191"/>
      <c r="Z7" s="191"/>
      <c r="AA7" s="191"/>
      <c r="AB7" s="191"/>
      <c r="AC7" s="191"/>
      <c r="AD7" s="191"/>
      <c r="AE7" s="191"/>
      <c r="AF7" s="191"/>
      <c r="AG7" s="191"/>
      <c r="AH7" s="191"/>
      <c r="AI7" s="191"/>
      <c r="AJ7" s="191"/>
      <c r="AK7" s="191"/>
      <c r="AL7" s="191"/>
      <c r="AM7" s="191"/>
      <c r="AN7" s="191"/>
      <c r="AO7" s="191"/>
      <c r="AP7" s="191"/>
      <c r="AQ7" s="191"/>
      <c r="AR7" s="191"/>
      <c r="AS7" s="191"/>
      <c r="AT7" s="191"/>
      <c r="AU7" s="191"/>
      <c r="AV7" s="191"/>
      <c r="AW7" s="191"/>
      <c r="AX7" s="191"/>
      <c r="AY7" s="191"/>
      <c r="AZ7" s="191"/>
      <c r="BA7" s="191"/>
      <c r="BB7" s="191"/>
      <c r="BC7" s="191"/>
      <c r="BD7" s="191"/>
      <c r="BE7" s="191"/>
      <c r="BF7" s="191"/>
      <c r="BG7" s="191"/>
      <c r="BH7" s="191"/>
      <c r="BI7" s="191"/>
      <c r="BJ7" s="191"/>
      <c r="BK7" s="191"/>
      <c r="BL7" s="191"/>
      <c r="BM7" s="191"/>
      <c r="BN7" s="191"/>
      <c r="BO7" s="191"/>
      <c r="BP7" s="191"/>
      <c r="BQ7" s="191"/>
      <c r="BR7" s="191"/>
      <c r="BS7" s="191"/>
      <c r="BT7" s="191"/>
      <c r="BU7" s="191"/>
      <c r="BV7" s="191"/>
      <c r="BW7" s="191"/>
      <c r="BX7" s="191"/>
      <c r="BY7" s="191"/>
      <c r="BZ7" s="191"/>
      <c r="CA7" s="191"/>
      <c r="CB7" s="191"/>
      <c r="CC7" s="191"/>
      <c r="CD7" s="191"/>
      <c r="CE7" s="191"/>
      <c r="CF7" s="191"/>
      <c r="CG7" s="191"/>
      <c r="CH7" s="191"/>
      <c r="CI7" s="1"/>
      <c r="CJ7" s="1"/>
      <c r="CK7" s="1"/>
      <c r="CL7" s="1"/>
      <c r="CM7" s="1"/>
      <c r="CN7" s="1"/>
      <c r="CO7" s="1"/>
      <c r="CP7" s="1"/>
      <c r="CQ7" s="1"/>
      <c r="CR7" s="2"/>
    </row>
    <row r="8" spans="1:96" ht="71.25" customHeight="1" thickBot="1" x14ac:dyDescent="0.25">
      <c r="A8" s="192" t="s">
        <v>7</v>
      </c>
      <c r="B8" s="193"/>
      <c r="C8" s="193"/>
      <c r="D8" s="193"/>
      <c r="E8" s="193"/>
      <c r="F8" s="193"/>
      <c r="G8" s="193"/>
      <c r="H8" s="193"/>
      <c r="I8" s="193"/>
      <c r="J8" s="193"/>
      <c r="K8" s="193"/>
      <c r="L8" s="193"/>
      <c r="M8" s="193"/>
      <c r="N8" s="193"/>
      <c r="O8" s="193"/>
      <c r="P8" s="193"/>
      <c r="Q8" s="193"/>
      <c r="R8" s="193"/>
      <c r="S8" s="193"/>
      <c r="T8" s="193"/>
      <c r="U8" s="193"/>
      <c r="V8" s="193"/>
      <c r="W8" s="193"/>
      <c r="X8" s="193"/>
      <c r="Y8" s="193"/>
      <c r="Z8" s="193"/>
      <c r="AA8" s="193"/>
      <c r="AB8" s="193"/>
      <c r="AC8" s="193"/>
      <c r="AD8" s="193"/>
      <c r="AE8" s="193"/>
      <c r="AF8" s="193"/>
      <c r="AG8" s="193"/>
      <c r="AH8" s="193"/>
      <c r="AI8" s="193"/>
      <c r="AJ8" s="193"/>
      <c r="AK8" s="193"/>
      <c r="AL8" s="193"/>
      <c r="AM8" s="193"/>
      <c r="AN8" s="193"/>
      <c r="AO8" s="193"/>
      <c r="AP8" s="193"/>
      <c r="AQ8" s="193"/>
      <c r="AR8" s="193"/>
      <c r="AS8" s="193"/>
      <c r="AT8" s="193"/>
      <c r="AU8" s="193"/>
      <c r="AV8" s="193"/>
      <c r="AW8" s="193"/>
      <c r="AX8" s="193"/>
      <c r="AY8" s="193"/>
      <c r="AZ8" s="193"/>
      <c r="BA8" s="193"/>
      <c r="BB8" s="193"/>
      <c r="BC8" s="193"/>
      <c r="BD8" s="193"/>
      <c r="BE8" s="193"/>
      <c r="BF8" s="193"/>
      <c r="BG8" s="193"/>
      <c r="BH8" s="193"/>
      <c r="BI8" s="193"/>
      <c r="BJ8" s="193"/>
      <c r="BK8" s="193"/>
      <c r="BL8" s="193"/>
      <c r="BM8" s="193"/>
      <c r="BN8" s="193"/>
      <c r="BO8" s="193"/>
      <c r="BP8" s="193"/>
      <c r="BQ8" s="193"/>
      <c r="BR8" s="193"/>
      <c r="BS8" s="193"/>
      <c r="BT8" s="193"/>
      <c r="BU8" s="193"/>
      <c r="BV8" s="193"/>
      <c r="BW8" s="193"/>
      <c r="BX8" s="193"/>
      <c r="BY8" s="193"/>
      <c r="BZ8" s="193"/>
      <c r="CA8" s="193"/>
      <c r="CB8" s="193"/>
      <c r="CC8" s="193"/>
      <c r="CD8" s="193"/>
      <c r="CE8" s="193"/>
      <c r="CF8" s="193"/>
      <c r="CG8" s="193"/>
      <c r="CH8" s="193"/>
      <c r="CI8" s="193"/>
      <c r="CJ8" s="193"/>
      <c r="CK8" s="193"/>
      <c r="CL8" s="193"/>
      <c r="CM8" s="193"/>
      <c r="CN8" s="193"/>
      <c r="CO8" s="193"/>
      <c r="CP8" s="193"/>
      <c r="CQ8" s="193"/>
      <c r="CR8" s="194"/>
    </row>
    <row r="9" spans="1:96" ht="15" customHeight="1" x14ac:dyDescent="0.25">
      <c r="A9" s="195" t="s">
        <v>8</v>
      </c>
      <c r="B9" s="197" t="s">
        <v>9</v>
      </c>
      <c r="C9" s="208" t="s">
        <v>77</v>
      </c>
      <c r="D9" s="208" t="s">
        <v>78</v>
      </c>
      <c r="E9" s="199" t="s">
        <v>10</v>
      </c>
      <c r="F9" s="200"/>
      <c r="G9" s="200"/>
      <c r="H9" s="200"/>
      <c r="I9" s="200"/>
      <c r="J9" s="200"/>
      <c r="K9" s="200"/>
      <c r="L9" s="200"/>
      <c r="M9" s="200"/>
      <c r="N9" s="200"/>
      <c r="O9" s="200"/>
      <c r="P9" s="200"/>
      <c r="Q9" s="200"/>
      <c r="R9" s="200"/>
      <c r="S9" s="200"/>
      <c r="T9" s="200"/>
      <c r="U9" s="200"/>
      <c r="V9" s="200"/>
      <c r="W9" s="200"/>
      <c r="X9" s="200"/>
      <c r="Y9" s="200"/>
      <c r="Z9" s="200"/>
      <c r="AA9" s="200"/>
      <c r="AB9" s="200"/>
      <c r="AC9" s="200"/>
      <c r="AD9" s="200"/>
      <c r="AE9" s="200"/>
      <c r="AF9" s="200"/>
      <c r="AG9" s="200"/>
      <c r="AH9" s="200"/>
      <c r="AI9" s="201"/>
      <c r="AJ9" s="199" t="s">
        <v>11</v>
      </c>
      <c r="AK9" s="200"/>
      <c r="AL9" s="200"/>
      <c r="AM9" s="200"/>
      <c r="AN9" s="200"/>
      <c r="AO9" s="200"/>
      <c r="AP9" s="200"/>
      <c r="AQ9" s="200"/>
      <c r="AR9" s="200"/>
      <c r="AS9" s="200"/>
      <c r="AT9" s="200"/>
      <c r="AU9" s="200"/>
      <c r="AV9" s="200"/>
      <c r="AW9" s="200"/>
      <c r="AX9" s="200"/>
      <c r="AY9" s="200"/>
      <c r="AZ9" s="200"/>
      <c r="BA9" s="200"/>
      <c r="BB9" s="200"/>
      <c r="BC9" s="200"/>
      <c r="BD9" s="200"/>
      <c r="BE9" s="200"/>
      <c r="BF9" s="200"/>
      <c r="BG9" s="200"/>
      <c r="BH9" s="200"/>
      <c r="BI9" s="200"/>
      <c r="BJ9" s="200"/>
      <c r="BK9" s="200"/>
      <c r="BL9" s="200"/>
      <c r="BM9" s="200"/>
      <c r="BN9" s="200"/>
      <c r="BO9" s="199" t="s">
        <v>12</v>
      </c>
      <c r="BP9" s="202"/>
      <c r="BQ9" s="202"/>
      <c r="BR9" s="202"/>
      <c r="BS9" s="202"/>
      <c r="BT9" s="202"/>
      <c r="BU9" s="202"/>
      <c r="BV9" s="202"/>
      <c r="BW9" s="202"/>
      <c r="BX9" s="202"/>
      <c r="BY9" s="202"/>
      <c r="BZ9" s="202"/>
      <c r="CA9" s="202"/>
      <c r="CB9" s="202"/>
      <c r="CC9" s="202"/>
      <c r="CD9" s="202"/>
      <c r="CE9" s="202"/>
      <c r="CF9" s="202"/>
      <c r="CG9" s="202"/>
      <c r="CH9" s="202"/>
      <c r="CI9" s="202"/>
      <c r="CJ9" s="202"/>
      <c r="CK9" s="202"/>
      <c r="CL9" s="202"/>
      <c r="CM9" s="202"/>
      <c r="CN9" s="202"/>
      <c r="CO9" s="202"/>
      <c r="CP9" s="202"/>
      <c r="CQ9" s="202"/>
      <c r="CR9" s="203"/>
    </row>
    <row r="10" spans="1:96" ht="13.15" customHeight="1" x14ac:dyDescent="0.2">
      <c r="A10" s="196"/>
      <c r="B10" s="198"/>
      <c r="C10" s="209"/>
      <c r="D10" s="209"/>
      <c r="E10" s="176">
        <v>5</v>
      </c>
      <c r="F10" s="177"/>
      <c r="G10" s="177"/>
      <c r="H10" s="177"/>
      <c r="I10" s="178"/>
      <c r="J10" s="176" t="s">
        <v>13</v>
      </c>
      <c r="K10" s="177"/>
      <c r="L10" s="177"/>
      <c r="M10" s="177"/>
      <c r="N10" s="178"/>
      <c r="O10" s="176" t="s">
        <v>14</v>
      </c>
      <c r="P10" s="177"/>
      <c r="Q10" s="177"/>
      <c r="R10" s="177"/>
      <c r="S10" s="178"/>
      <c r="T10" s="176" t="s">
        <v>15</v>
      </c>
      <c r="U10" s="177"/>
      <c r="V10" s="177"/>
      <c r="W10" s="177"/>
      <c r="X10" s="178"/>
      <c r="Y10" s="176" t="s">
        <v>16</v>
      </c>
      <c r="Z10" s="177"/>
      <c r="AA10" s="177"/>
      <c r="AB10" s="177"/>
      <c r="AC10" s="178"/>
      <c r="AD10" s="176" t="s">
        <v>17</v>
      </c>
      <c r="AE10" s="177"/>
      <c r="AF10" s="177"/>
      <c r="AG10" s="177"/>
      <c r="AH10" s="177"/>
      <c r="AI10" s="178"/>
      <c r="AJ10" s="176">
        <v>5</v>
      </c>
      <c r="AK10" s="177"/>
      <c r="AL10" s="177"/>
      <c r="AM10" s="177"/>
      <c r="AN10" s="178"/>
      <c r="AO10" s="176" t="s">
        <v>13</v>
      </c>
      <c r="AP10" s="177"/>
      <c r="AQ10" s="177"/>
      <c r="AR10" s="177"/>
      <c r="AS10" s="178"/>
      <c r="AT10" s="176" t="s">
        <v>14</v>
      </c>
      <c r="AU10" s="177"/>
      <c r="AV10" s="177"/>
      <c r="AW10" s="177"/>
      <c r="AX10" s="178"/>
      <c r="AY10" s="176" t="s">
        <v>15</v>
      </c>
      <c r="AZ10" s="177"/>
      <c r="BA10" s="177"/>
      <c r="BB10" s="177"/>
      <c r="BC10" s="178"/>
      <c r="BD10" s="176" t="s">
        <v>16</v>
      </c>
      <c r="BE10" s="177"/>
      <c r="BF10" s="177"/>
      <c r="BG10" s="177"/>
      <c r="BH10" s="178"/>
      <c r="BI10" s="176" t="s">
        <v>17</v>
      </c>
      <c r="BJ10" s="177"/>
      <c r="BK10" s="177"/>
      <c r="BL10" s="177"/>
      <c r="BM10" s="177"/>
      <c r="BN10" s="177"/>
      <c r="BO10" s="176">
        <v>5</v>
      </c>
      <c r="BP10" s="177"/>
      <c r="BQ10" s="177"/>
      <c r="BR10" s="177"/>
      <c r="BS10" s="178"/>
      <c r="BT10" s="176" t="s">
        <v>13</v>
      </c>
      <c r="BU10" s="177"/>
      <c r="BV10" s="177"/>
      <c r="BW10" s="177"/>
      <c r="BX10" s="178"/>
      <c r="BY10" s="176" t="s">
        <v>14</v>
      </c>
      <c r="BZ10" s="177"/>
      <c r="CA10" s="177"/>
      <c r="CB10" s="177"/>
      <c r="CC10" s="178"/>
      <c r="CD10" s="176" t="s">
        <v>15</v>
      </c>
      <c r="CE10" s="177"/>
      <c r="CF10" s="177"/>
      <c r="CG10" s="177"/>
      <c r="CH10" s="204"/>
      <c r="CI10" s="205" t="s">
        <v>16</v>
      </c>
      <c r="CJ10" s="177"/>
      <c r="CK10" s="177"/>
      <c r="CL10" s="177"/>
      <c r="CM10" s="178"/>
      <c r="CN10" s="176" t="s">
        <v>17</v>
      </c>
      <c r="CO10" s="206"/>
      <c r="CP10" s="206"/>
      <c r="CQ10" s="206"/>
      <c r="CR10" s="207"/>
    </row>
    <row r="11" spans="1:96" ht="15.75" customHeight="1" x14ac:dyDescent="0.2">
      <c r="A11" s="10" t="s">
        <v>18</v>
      </c>
      <c r="B11" s="11"/>
      <c r="C11" s="11"/>
      <c r="D11" s="11"/>
      <c r="E11" s="13"/>
      <c r="F11" s="14"/>
      <c r="G11" s="14"/>
      <c r="H11" s="14"/>
      <c r="I11" s="14"/>
      <c r="J11" s="14"/>
      <c r="K11" s="14"/>
      <c r="L11" s="14"/>
      <c r="M11" s="14"/>
      <c r="N11" s="14"/>
      <c r="O11" s="14"/>
      <c r="P11" s="14"/>
      <c r="Q11" s="14"/>
      <c r="R11" s="14"/>
      <c r="S11" s="14"/>
      <c r="T11" s="14"/>
      <c r="U11" s="14"/>
      <c r="V11" s="14"/>
      <c r="W11" s="14"/>
      <c r="X11" s="14"/>
      <c r="Y11" s="14"/>
      <c r="Z11" s="14"/>
      <c r="AA11" s="14"/>
      <c r="AB11" s="14"/>
      <c r="AC11" s="14"/>
      <c r="AD11" s="14"/>
      <c r="AE11" s="14"/>
      <c r="AF11" s="14"/>
      <c r="AG11" s="14"/>
      <c r="AH11" s="14"/>
      <c r="AI11" s="14"/>
      <c r="AJ11" s="12"/>
      <c r="AK11" s="12"/>
      <c r="AL11" s="12"/>
      <c r="AM11" s="12"/>
      <c r="AN11" s="12"/>
      <c r="AO11" s="12"/>
      <c r="AP11" s="12"/>
      <c r="AQ11" s="12"/>
      <c r="AR11" s="12"/>
      <c r="AS11" s="12"/>
      <c r="AT11" s="12"/>
      <c r="AU11" s="12"/>
      <c r="AV11" s="12"/>
      <c r="AW11" s="12"/>
      <c r="AX11" s="12"/>
      <c r="AY11" s="12"/>
      <c r="AZ11" s="12"/>
      <c r="BA11" s="12"/>
      <c r="BB11" s="12"/>
      <c r="BC11" s="12"/>
      <c r="BD11" s="12"/>
      <c r="BE11" s="12"/>
      <c r="BF11" s="12"/>
      <c r="BG11" s="12"/>
      <c r="BH11" s="12"/>
      <c r="BI11" s="14"/>
      <c r="BJ11" s="14"/>
      <c r="BK11" s="14"/>
      <c r="BL11" s="14"/>
      <c r="BM11" s="14"/>
      <c r="BN11" s="14"/>
      <c r="BO11" s="15"/>
      <c r="BP11" s="16"/>
      <c r="BQ11" s="16"/>
      <c r="BR11" s="16"/>
      <c r="BS11" s="16"/>
      <c r="BT11" s="16"/>
      <c r="BU11" s="16"/>
      <c r="BV11" s="16"/>
      <c r="BW11" s="16"/>
      <c r="BX11" s="16"/>
      <c r="BY11" s="16"/>
      <c r="BZ11" s="16"/>
      <c r="CA11" s="16"/>
      <c r="CB11" s="16"/>
      <c r="CC11" s="16"/>
      <c r="CD11" s="16"/>
      <c r="CE11" s="16"/>
      <c r="CF11" s="16"/>
      <c r="CG11" s="16"/>
      <c r="CH11" s="16"/>
      <c r="CI11" s="17"/>
      <c r="CJ11" s="17"/>
      <c r="CK11" s="17"/>
      <c r="CL11" s="17"/>
      <c r="CM11" s="17"/>
      <c r="CN11" s="17"/>
      <c r="CO11" s="17"/>
      <c r="CP11" s="17"/>
      <c r="CQ11" s="17"/>
      <c r="CR11" s="18"/>
    </row>
    <row r="12" spans="1:96" ht="15.75" customHeight="1" x14ac:dyDescent="0.2">
      <c r="A12" s="19" t="s">
        <v>19</v>
      </c>
      <c r="B12" s="20" t="s">
        <v>20</v>
      </c>
      <c r="C12" s="83"/>
      <c r="D12" s="83"/>
      <c r="E12" s="21"/>
      <c r="F12" s="22"/>
      <c r="G12" s="22"/>
      <c r="H12" s="22"/>
      <c r="I12" s="22"/>
      <c r="J12" s="22"/>
      <c r="K12" s="22"/>
      <c r="L12" s="22"/>
      <c r="M12" s="22"/>
      <c r="N12" s="22"/>
      <c r="O12" s="22"/>
      <c r="P12" s="22"/>
      <c r="Q12" s="22"/>
      <c r="R12" s="22"/>
      <c r="S12" s="22"/>
      <c r="T12" s="22"/>
      <c r="U12" s="22"/>
      <c r="V12" s="22"/>
      <c r="W12" s="22"/>
      <c r="X12" s="22"/>
      <c r="Y12" s="22"/>
      <c r="Z12" s="22"/>
      <c r="AA12" s="22"/>
      <c r="AB12" s="22"/>
      <c r="AC12" s="22"/>
      <c r="AD12" s="22"/>
      <c r="AE12" s="22"/>
      <c r="AF12" s="22"/>
      <c r="AG12" s="22"/>
      <c r="AH12" s="22"/>
      <c r="AI12" s="22"/>
      <c r="AJ12" s="21"/>
      <c r="AK12" s="22"/>
      <c r="AL12" s="22"/>
      <c r="AM12" s="22"/>
      <c r="AN12" s="22"/>
      <c r="AO12" s="22"/>
      <c r="AP12" s="22"/>
      <c r="AQ12" s="22"/>
      <c r="AR12" s="22"/>
      <c r="AS12" s="22"/>
      <c r="AT12" s="22"/>
      <c r="AU12" s="22"/>
      <c r="AV12" s="22"/>
      <c r="AW12" s="22"/>
      <c r="AX12" s="22"/>
      <c r="AY12" s="22"/>
      <c r="AZ12" s="22"/>
      <c r="BA12" s="22"/>
      <c r="BB12" s="22"/>
      <c r="BC12" s="22"/>
      <c r="BD12" s="22"/>
      <c r="BE12" s="22"/>
      <c r="BF12" s="22"/>
      <c r="BG12" s="22"/>
      <c r="BH12" s="22"/>
      <c r="BI12" s="22"/>
      <c r="BJ12" s="22"/>
      <c r="BK12" s="22"/>
      <c r="BL12" s="22"/>
      <c r="BM12" s="22"/>
      <c r="BN12" s="22"/>
      <c r="BO12" s="21"/>
      <c r="BP12" s="22"/>
      <c r="BQ12" s="22"/>
      <c r="BR12" s="22"/>
      <c r="BS12" s="22"/>
      <c r="BT12" s="22"/>
      <c r="BU12" s="22"/>
      <c r="BV12" s="22"/>
      <c r="BW12" s="22"/>
      <c r="BX12" s="22"/>
      <c r="BY12" s="22"/>
      <c r="BZ12" s="22"/>
      <c r="CA12" s="22"/>
      <c r="CB12" s="22"/>
      <c r="CC12" s="22"/>
      <c r="CD12" s="22"/>
      <c r="CE12" s="22"/>
      <c r="CF12" s="22"/>
      <c r="CG12" s="22"/>
      <c r="CH12" s="22"/>
      <c r="CI12" s="23"/>
      <c r="CJ12" s="23"/>
      <c r="CK12" s="23"/>
      <c r="CL12" s="23"/>
      <c r="CM12" s="23"/>
      <c r="CN12" s="23"/>
      <c r="CO12" s="23"/>
      <c r="CP12" s="23"/>
      <c r="CQ12" s="23"/>
      <c r="CR12" s="24"/>
    </row>
    <row r="13" spans="1:96" ht="12" customHeight="1" x14ac:dyDescent="0.25">
      <c r="A13" s="155" t="s">
        <v>21</v>
      </c>
      <c r="B13" s="175" t="s">
        <v>22</v>
      </c>
      <c r="C13" s="140"/>
      <c r="D13" s="140"/>
      <c r="E13" s="25"/>
      <c r="F13" s="25"/>
      <c r="G13" s="25"/>
      <c r="H13" s="25"/>
      <c r="I13" s="25"/>
      <c r="J13" s="25"/>
      <c r="K13" s="25"/>
      <c r="L13" s="26"/>
      <c r="M13" s="26"/>
      <c r="N13" s="26"/>
      <c r="O13" s="27"/>
      <c r="P13" s="27"/>
      <c r="Q13" s="27"/>
      <c r="R13" s="27"/>
      <c r="S13" s="27"/>
      <c r="T13" s="27"/>
      <c r="U13" s="27"/>
      <c r="V13" s="28"/>
      <c r="W13" s="29"/>
      <c r="X13" s="29"/>
      <c r="Y13" s="29"/>
      <c r="Z13" s="29"/>
      <c r="AA13" s="29"/>
      <c r="AB13" s="29"/>
      <c r="AC13" s="29"/>
      <c r="AD13" s="29"/>
      <c r="AE13" s="29"/>
      <c r="AF13" s="29"/>
      <c r="AG13" s="29"/>
      <c r="AH13" s="29"/>
      <c r="AI13" s="29"/>
      <c r="AJ13" s="30"/>
      <c r="AK13" s="27"/>
      <c r="AL13" s="27"/>
      <c r="AM13" s="27"/>
      <c r="AN13" s="27"/>
      <c r="AO13" s="27"/>
      <c r="AP13" s="27"/>
      <c r="AQ13" s="27"/>
      <c r="AR13" s="27"/>
      <c r="AS13" s="27"/>
      <c r="AT13" s="27"/>
      <c r="AU13" s="27"/>
      <c r="AV13" s="27"/>
      <c r="AW13" s="27"/>
      <c r="AX13" s="27"/>
      <c r="AY13" s="27"/>
      <c r="AZ13" s="27"/>
      <c r="BA13" s="27"/>
      <c r="BB13" s="27"/>
      <c r="BC13" s="27"/>
      <c r="BD13" s="27"/>
      <c r="BE13" s="27"/>
      <c r="BF13" s="27"/>
      <c r="BG13" s="27"/>
      <c r="BH13" s="27"/>
      <c r="BI13" s="29"/>
      <c r="BJ13" s="29"/>
      <c r="BK13" s="29"/>
      <c r="BL13" s="29"/>
      <c r="BM13" s="29"/>
      <c r="BN13" s="29"/>
      <c r="BO13" s="136"/>
      <c r="BP13" s="100"/>
      <c r="BQ13" s="100"/>
      <c r="BR13" s="100"/>
      <c r="BS13" s="100"/>
      <c r="BT13" s="100"/>
      <c r="BU13" s="100"/>
      <c r="BV13" s="100"/>
      <c r="BW13" s="100"/>
      <c r="BX13" s="100"/>
      <c r="BY13" s="100"/>
      <c r="BZ13" s="100"/>
      <c r="CA13" s="100"/>
      <c r="CB13" s="100"/>
      <c r="CC13" s="100"/>
      <c r="CD13" s="100"/>
      <c r="CE13" s="100"/>
      <c r="CF13" s="100"/>
      <c r="CG13" s="100"/>
      <c r="CH13" s="100"/>
      <c r="CI13" s="100"/>
      <c r="CJ13" s="100"/>
      <c r="CK13" s="100"/>
      <c r="CL13" s="100"/>
      <c r="CM13" s="100"/>
      <c r="CN13" s="100"/>
      <c r="CO13" s="100"/>
      <c r="CP13" s="100"/>
      <c r="CQ13" s="100"/>
      <c r="CR13" s="101"/>
    </row>
    <row r="14" spans="1:96" ht="12" customHeight="1" x14ac:dyDescent="0.25">
      <c r="A14" s="155"/>
      <c r="B14" s="175"/>
      <c r="C14" s="141"/>
      <c r="D14" s="141"/>
      <c r="E14" s="121">
        <v>1</v>
      </c>
      <c r="F14" s="122"/>
      <c r="G14" s="122"/>
      <c r="H14" s="122"/>
      <c r="I14" s="122"/>
      <c r="J14" s="122"/>
      <c r="K14" s="122"/>
      <c r="L14" s="122"/>
      <c r="M14" s="122"/>
      <c r="N14" s="122"/>
      <c r="O14" s="122"/>
      <c r="P14" s="122"/>
      <c r="Q14" s="122"/>
      <c r="R14" s="122"/>
      <c r="S14" s="122"/>
      <c r="T14" s="122"/>
      <c r="U14" s="122"/>
      <c r="V14" s="122"/>
      <c r="W14" s="122"/>
      <c r="X14" s="122"/>
      <c r="Y14" s="122"/>
      <c r="Z14" s="122"/>
      <c r="AA14" s="122"/>
      <c r="AB14" s="122"/>
      <c r="AC14" s="122"/>
      <c r="AD14" s="122"/>
      <c r="AE14" s="122"/>
      <c r="AF14" s="122"/>
      <c r="AG14" s="122"/>
      <c r="AH14" s="122"/>
      <c r="AI14" s="123"/>
      <c r="AJ14" s="118"/>
      <c r="AK14" s="119"/>
      <c r="AL14" s="119"/>
      <c r="AM14" s="119"/>
      <c r="AN14" s="119"/>
      <c r="AO14" s="119"/>
      <c r="AP14" s="119"/>
      <c r="AQ14" s="119"/>
      <c r="AR14" s="119"/>
      <c r="AS14" s="119"/>
      <c r="AT14" s="119"/>
      <c r="AU14" s="119"/>
      <c r="AV14" s="119"/>
      <c r="AW14" s="119"/>
      <c r="AX14" s="119"/>
      <c r="AY14" s="119"/>
      <c r="AZ14" s="119"/>
      <c r="BA14" s="119"/>
      <c r="BB14" s="119"/>
      <c r="BC14" s="119"/>
      <c r="BD14" s="119"/>
      <c r="BE14" s="119"/>
      <c r="BF14" s="119"/>
      <c r="BG14" s="119"/>
      <c r="BH14" s="119"/>
      <c r="BI14" s="119"/>
      <c r="BJ14" s="119"/>
      <c r="BK14" s="119"/>
      <c r="BL14" s="119"/>
      <c r="BM14" s="119"/>
      <c r="BN14" s="119"/>
      <c r="BO14" s="118"/>
      <c r="BP14" s="119"/>
      <c r="BQ14" s="119"/>
      <c r="BR14" s="119"/>
      <c r="BS14" s="119"/>
      <c r="BT14" s="119"/>
      <c r="BU14" s="119"/>
      <c r="BV14" s="119"/>
      <c r="BW14" s="119"/>
      <c r="BX14" s="119"/>
      <c r="BY14" s="119"/>
      <c r="BZ14" s="119"/>
      <c r="CA14" s="119"/>
      <c r="CB14" s="119"/>
      <c r="CC14" s="119"/>
      <c r="CD14" s="119"/>
      <c r="CE14" s="119"/>
      <c r="CF14" s="119"/>
      <c r="CG14" s="119"/>
      <c r="CH14" s="119"/>
      <c r="CI14" s="100"/>
      <c r="CJ14" s="100"/>
      <c r="CK14" s="100"/>
      <c r="CL14" s="100"/>
      <c r="CM14" s="100"/>
      <c r="CN14" s="100"/>
      <c r="CO14" s="100"/>
      <c r="CP14" s="100"/>
      <c r="CQ14" s="100"/>
      <c r="CR14" s="101"/>
    </row>
    <row r="15" spans="1:96" ht="12" customHeight="1" x14ac:dyDescent="0.25">
      <c r="A15" s="109"/>
      <c r="B15" s="174"/>
      <c r="C15" s="142"/>
      <c r="D15" s="142"/>
      <c r="E15" s="97"/>
      <c r="F15" s="98"/>
      <c r="G15" s="98"/>
      <c r="H15" s="98"/>
      <c r="I15" s="98"/>
      <c r="J15" s="98"/>
      <c r="K15" s="98"/>
      <c r="L15" s="98"/>
      <c r="M15" s="98"/>
      <c r="N15" s="98"/>
      <c r="O15" s="98"/>
      <c r="P15" s="98"/>
      <c r="Q15" s="98"/>
      <c r="R15" s="98"/>
      <c r="S15" s="98"/>
      <c r="T15" s="98"/>
      <c r="U15" s="98"/>
      <c r="V15" s="98"/>
      <c r="W15" s="98"/>
      <c r="X15" s="98"/>
      <c r="Y15" s="98"/>
      <c r="Z15" s="98"/>
      <c r="AA15" s="98"/>
      <c r="AB15" s="98"/>
      <c r="AC15" s="98"/>
      <c r="AD15" s="98"/>
      <c r="AE15" s="98"/>
      <c r="AF15" s="98"/>
      <c r="AG15" s="98"/>
      <c r="AH15" s="98"/>
      <c r="AI15" s="99"/>
      <c r="AJ15" s="97"/>
      <c r="AK15" s="98"/>
      <c r="AL15" s="98"/>
      <c r="AM15" s="98"/>
      <c r="AN15" s="98"/>
      <c r="AO15" s="98"/>
      <c r="AP15" s="98"/>
      <c r="AQ15" s="98"/>
      <c r="AR15" s="98"/>
      <c r="AS15" s="98"/>
      <c r="AT15" s="98"/>
      <c r="AU15" s="98"/>
      <c r="AV15" s="98"/>
      <c r="AW15" s="98"/>
      <c r="AX15" s="98"/>
      <c r="AY15" s="98"/>
      <c r="AZ15" s="98"/>
      <c r="BA15" s="98"/>
      <c r="BB15" s="98"/>
      <c r="BC15" s="98"/>
      <c r="BD15" s="98"/>
      <c r="BE15" s="98"/>
      <c r="BF15" s="98"/>
      <c r="BG15" s="98"/>
      <c r="BH15" s="98"/>
      <c r="BI15" s="98"/>
      <c r="BJ15" s="98"/>
      <c r="BK15" s="98"/>
      <c r="BL15" s="98"/>
      <c r="BM15" s="98"/>
      <c r="BN15" s="98"/>
      <c r="BO15" s="97"/>
      <c r="BP15" s="98"/>
      <c r="BQ15" s="98"/>
      <c r="BR15" s="98"/>
      <c r="BS15" s="98"/>
      <c r="BT15" s="98"/>
      <c r="BU15" s="98"/>
      <c r="BV15" s="98"/>
      <c r="BW15" s="98"/>
      <c r="BX15" s="98"/>
      <c r="BY15" s="98"/>
      <c r="BZ15" s="98"/>
      <c r="CA15" s="98"/>
      <c r="CB15" s="98"/>
      <c r="CC15" s="98"/>
      <c r="CD15" s="98"/>
      <c r="CE15" s="98"/>
      <c r="CF15" s="98"/>
      <c r="CG15" s="98"/>
      <c r="CH15" s="98"/>
      <c r="CI15" s="100"/>
      <c r="CJ15" s="100"/>
      <c r="CK15" s="100"/>
      <c r="CL15" s="100"/>
      <c r="CM15" s="100"/>
      <c r="CN15" s="100"/>
      <c r="CO15" s="100"/>
      <c r="CP15" s="100"/>
      <c r="CQ15" s="100"/>
      <c r="CR15" s="101"/>
    </row>
    <row r="16" spans="1:96" ht="12" customHeight="1" x14ac:dyDescent="0.25">
      <c r="A16" s="109" t="s">
        <v>23</v>
      </c>
      <c r="B16" s="174" t="s">
        <v>24</v>
      </c>
      <c r="C16" s="140"/>
      <c r="D16" s="140"/>
      <c r="E16" s="29"/>
      <c r="F16" s="29"/>
      <c r="G16" s="29"/>
      <c r="H16" s="29"/>
      <c r="I16" s="29"/>
      <c r="J16" s="29"/>
      <c r="K16" s="29"/>
      <c r="L16" s="29"/>
      <c r="M16" s="29"/>
      <c r="N16" s="29"/>
      <c r="O16" s="29"/>
      <c r="P16" s="29"/>
      <c r="Q16" s="29"/>
      <c r="R16" s="29"/>
      <c r="S16" s="29"/>
      <c r="T16" s="29"/>
      <c r="U16" s="29"/>
      <c r="V16" s="29"/>
      <c r="W16" s="29"/>
      <c r="X16" s="29"/>
      <c r="Y16" s="29"/>
      <c r="Z16" s="29"/>
      <c r="AA16" s="29"/>
      <c r="AB16" s="29"/>
      <c r="AC16" s="29"/>
      <c r="AD16" s="29"/>
      <c r="AE16" s="29"/>
      <c r="AF16" s="29"/>
      <c r="AG16" s="29"/>
      <c r="AH16" s="29"/>
      <c r="AI16" s="29"/>
      <c r="AJ16" s="30"/>
      <c r="AK16" s="27"/>
      <c r="AL16" s="27"/>
      <c r="AM16" s="27"/>
      <c r="AN16" s="27"/>
      <c r="AO16" s="27"/>
      <c r="AP16" s="27"/>
      <c r="AQ16" s="27"/>
      <c r="AR16" s="27"/>
      <c r="AS16" s="27"/>
      <c r="AT16" s="27"/>
      <c r="AU16" s="27"/>
      <c r="AV16" s="27"/>
      <c r="AW16" s="27"/>
      <c r="AX16" s="27"/>
      <c r="AY16" s="27"/>
      <c r="AZ16" s="27"/>
      <c r="BA16" s="27"/>
      <c r="BB16" s="27"/>
      <c r="BC16" s="27"/>
      <c r="BD16" s="27"/>
      <c r="BE16" s="27"/>
      <c r="BF16" s="27"/>
      <c r="BG16" s="27"/>
      <c r="BH16" s="27"/>
      <c r="BI16" s="29"/>
      <c r="BJ16" s="29"/>
      <c r="BK16" s="29"/>
      <c r="BL16" s="29"/>
      <c r="BM16" s="29"/>
      <c r="BN16" s="29"/>
      <c r="BO16" s="136"/>
      <c r="BP16" s="100"/>
      <c r="BQ16" s="100"/>
      <c r="BR16" s="100"/>
      <c r="BS16" s="100"/>
      <c r="BT16" s="100"/>
      <c r="BU16" s="100"/>
      <c r="BV16" s="100"/>
      <c r="BW16" s="100"/>
      <c r="BX16" s="100"/>
      <c r="BY16" s="100"/>
      <c r="BZ16" s="100"/>
      <c r="CA16" s="100"/>
      <c r="CB16" s="100"/>
      <c r="CC16" s="100"/>
      <c r="CD16" s="100"/>
      <c r="CE16" s="100"/>
      <c r="CF16" s="100"/>
      <c r="CG16" s="100"/>
      <c r="CH16" s="100"/>
      <c r="CI16" s="31"/>
      <c r="CJ16" s="31"/>
      <c r="CK16" s="31"/>
      <c r="CL16" s="31"/>
      <c r="CM16" s="32"/>
      <c r="CN16" s="33"/>
      <c r="CO16" s="33"/>
      <c r="CP16" s="33"/>
      <c r="CQ16" s="33"/>
      <c r="CR16" s="34"/>
    </row>
    <row r="17" spans="1:96" ht="12" customHeight="1" x14ac:dyDescent="0.25">
      <c r="A17" s="109"/>
      <c r="B17" s="174"/>
      <c r="C17" s="141"/>
      <c r="D17" s="141"/>
      <c r="E17" s="118"/>
      <c r="F17" s="119"/>
      <c r="G17" s="119"/>
      <c r="H17" s="119"/>
      <c r="I17" s="119"/>
      <c r="J17" s="119"/>
      <c r="K17" s="119"/>
      <c r="L17" s="119"/>
      <c r="M17" s="119"/>
      <c r="N17" s="119"/>
      <c r="O17" s="119"/>
      <c r="P17" s="119"/>
      <c r="Q17" s="119"/>
      <c r="R17" s="119"/>
      <c r="S17" s="119"/>
      <c r="T17" s="119"/>
      <c r="U17" s="119"/>
      <c r="V17" s="119"/>
      <c r="W17" s="119"/>
      <c r="X17" s="119"/>
      <c r="Y17" s="119"/>
      <c r="Z17" s="119"/>
      <c r="AA17" s="119"/>
      <c r="AB17" s="119"/>
      <c r="AC17" s="119"/>
      <c r="AD17" s="119"/>
      <c r="AE17" s="119"/>
      <c r="AF17" s="119"/>
      <c r="AG17" s="119"/>
      <c r="AH17" s="119"/>
      <c r="AI17" s="120"/>
      <c r="AJ17" s="118"/>
      <c r="AK17" s="119"/>
      <c r="AL17" s="119"/>
      <c r="AM17" s="119"/>
      <c r="AN17" s="119"/>
      <c r="AO17" s="119"/>
      <c r="AP17" s="119"/>
      <c r="AQ17" s="119"/>
      <c r="AR17" s="119"/>
      <c r="AS17" s="119"/>
      <c r="AT17" s="119"/>
      <c r="AU17" s="119"/>
      <c r="AV17" s="119"/>
      <c r="AW17" s="119"/>
      <c r="AX17" s="119"/>
      <c r="AY17" s="119"/>
      <c r="AZ17" s="119"/>
      <c r="BA17" s="119"/>
      <c r="BB17" s="119"/>
      <c r="BC17" s="119"/>
      <c r="BD17" s="119"/>
      <c r="BE17" s="119"/>
      <c r="BF17" s="119"/>
      <c r="BG17" s="119"/>
      <c r="BH17" s="119"/>
      <c r="BI17" s="119"/>
      <c r="BJ17" s="119"/>
      <c r="BK17" s="119"/>
      <c r="BL17" s="119"/>
      <c r="BM17" s="119"/>
      <c r="BN17" s="119"/>
      <c r="BO17" s="121">
        <v>1</v>
      </c>
      <c r="BP17" s="122"/>
      <c r="BQ17" s="122"/>
      <c r="BR17" s="122"/>
      <c r="BS17" s="122"/>
      <c r="BT17" s="122"/>
      <c r="BU17" s="122"/>
      <c r="BV17" s="122"/>
      <c r="BW17" s="122"/>
      <c r="BX17" s="122"/>
      <c r="BY17" s="122"/>
      <c r="BZ17" s="122"/>
      <c r="CA17" s="122"/>
      <c r="CB17" s="122"/>
      <c r="CC17" s="122"/>
      <c r="CD17" s="122"/>
      <c r="CE17" s="122"/>
      <c r="CF17" s="122"/>
      <c r="CG17" s="122"/>
      <c r="CH17" s="122"/>
      <c r="CI17" s="129"/>
      <c r="CJ17" s="129"/>
      <c r="CK17" s="129"/>
      <c r="CL17" s="129"/>
      <c r="CM17" s="129"/>
      <c r="CN17" s="129"/>
      <c r="CO17" s="129"/>
      <c r="CP17" s="129"/>
      <c r="CQ17" s="129"/>
      <c r="CR17" s="130"/>
    </row>
    <row r="18" spans="1:96" ht="12" customHeight="1" x14ac:dyDescent="0.25">
      <c r="A18" s="109"/>
      <c r="B18" s="174"/>
      <c r="C18" s="142"/>
      <c r="D18" s="142"/>
      <c r="E18" s="97"/>
      <c r="F18" s="98"/>
      <c r="G18" s="98"/>
      <c r="H18" s="98"/>
      <c r="I18" s="98"/>
      <c r="J18" s="98"/>
      <c r="K18" s="98"/>
      <c r="L18" s="98"/>
      <c r="M18" s="98"/>
      <c r="N18" s="98"/>
      <c r="O18" s="98"/>
      <c r="P18" s="98"/>
      <c r="Q18" s="98"/>
      <c r="R18" s="98"/>
      <c r="S18" s="98"/>
      <c r="T18" s="98"/>
      <c r="U18" s="98"/>
      <c r="V18" s="98"/>
      <c r="W18" s="98"/>
      <c r="X18" s="98"/>
      <c r="Y18" s="98"/>
      <c r="Z18" s="98"/>
      <c r="AA18" s="98"/>
      <c r="AB18" s="98"/>
      <c r="AC18" s="98"/>
      <c r="AD18" s="98"/>
      <c r="AE18" s="98"/>
      <c r="AF18" s="98"/>
      <c r="AG18" s="98"/>
      <c r="AH18" s="98"/>
      <c r="AI18" s="99"/>
      <c r="AJ18" s="97"/>
      <c r="AK18" s="98"/>
      <c r="AL18" s="98"/>
      <c r="AM18" s="98"/>
      <c r="AN18" s="98"/>
      <c r="AO18" s="98"/>
      <c r="AP18" s="98"/>
      <c r="AQ18" s="98"/>
      <c r="AR18" s="98"/>
      <c r="AS18" s="98"/>
      <c r="AT18" s="98"/>
      <c r="AU18" s="98"/>
      <c r="AV18" s="98"/>
      <c r="AW18" s="98"/>
      <c r="AX18" s="98"/>
      <c r="AY18" s="98"/>
      <c r="AZ18" s="98"/>
      <c r="BA18" s="98"/>
      <c r="BB18" s="98"/>
      <c r="BC18" s="98"/>
      <c r="BD18" s="98"/>
      <c r="BE18" s="98"/>
      <c r="BF18" s="98"/>
      <c r="BG18" s="98"/>
      <c r="BH18" s="98"/>
      <c r="BI18" s="98"/>
      <c r="BJ18" s="98"/>
      <c r="BK18" s="98"/>
      <c r="BL18" s="98"/>
      <c r="BM18" s="98"/>
      <c r="BN18" s="98"/>
      <c r="BO18" s="97"/>
      <c r="BP18" s="98"/>
      <c r="BQ18" s="98"/>
      <c r="BR18" s="98"/>
      <c r="BS18" s="98"/>
      <c r="BT18" s="98"/>
      <c r="BU18" s="98"/>
      <c r="BV18" s="98"/>
      <c r="BW18" s="98"/>
      <c r="BX18" s="98"/>
      <c r="BY18" s="98"/>
      <c r="BZ18" s="98"/>
      <c r="CA18" s="98"/>
      <c r="CB18" s="98"/>
      <c r="CC18" s="98"/>
      <c r="CD18" s="98"/>
      <c r="CE18" s="98"/>
      <c r="CF18" s="98"/>
      <c r="CG18" s="98"/>
      <c r="CH18" s="98"/>
      <c r="CI18" s="100"/>
      <c r="CJ18" s="100"/>
      <c r="CK18" s="100"/>
      <c r="CL18" s="100"/>
      <c r="CM18" s="100"/>
      <c r="CN18" s="100"/>
      <c r="CO18" s="100"/>
      <c r="CP18" s="100"/>
      <c r="CQ18" s="100"/>
      <c r="CR18" s="101"/>
    </row>
    <row r="19" spans="1:96" ht="12" customHeight="1" x14ac:dyDescent="0.25">
      <c r="A19" s="109" t="s">
        <v>25</v>
      </c>
      <c r="B19" s="110" t="s">
        <v>26</v>
      </c>
      <c r="C19" s="140"/>
      <c r="D19" s="140"/>
      <c r="E19" s="35"/>
      <c r="F19" s="36"/>
      <c r="G19" s="36"/>
      <c r="H19" s="36"/>
      <c r="I19" s="36"/>
      <c r="J19" s="37"/>
      <c r="K19" s="37"/>
      <c r="L19" s="37"/>
      <c r="M19" s="25"/>
      <c r="N19" s="25"/>
      <c r="O19" s="25"/>
      <c r="P19" s="25"/>
      <c r="Q19" s="25"/>
      <c r="R19" s="25"/>
      <c r="S19" s="25"/>
      <c r="T19" s="25"/>
      <c r="U19" s="25"/>
      <c r="V19" s="25"/>
      <c r="W19" s="25"/>
      <c r="X19" s="25"/>
      <c r="Y19" s="29"/>
      <c r="Z19" s="29"/>
      <c r="AA19" s="29"/>
      <c r="AB19" s="29"/>
      <c r="AC19" s="29"/>
      <c r="AD19" s="29"/>
      <c r="AE19" s="29"/>
      <c r="AF19" s="29"/>
      <c r="AG19" s="29"/>
      <c r="AH19" s="29"/>
      <c r="AI19" s="29"/>
      <c r="AJ19" s="30"/>
      <c r="AK19" s="27"/>
      <c r="AL19" s="27"/>
      <c r="AM19" s="27"/>
      <c r="AN19" s="27"/>
      <c r="AO19" s="27"/>
      <c r="AP19" s="27"/>
      <c r="AQ19" s="27"/>
      <c r="AR19" s="27"/>
      <c r="AS19" s="27"/>
      <c r="AT19" s="27"/>
      <c r="AU19" s="27"/>
      <c r="AV19" s="27"/>
      <c r="AW19" s="27"/>
      <c r="AX19" s="27"/>
      <c r="AY19" s="27"/>
      <c r="AZ19" s="27"/>
      <c r="BA19" s="27"/>
      <c r="BB19" s="27"/>
      <c r="BC19" s="27"/>
      <c r="BD19" s="27"/>
      <c r="BE19" s="27"/>
      <c r="BF19" s="27"/>
      <c r="BG19" s="27"/>
      <c r="BH19" s="27"/>
      <c r="BI19" s="29"/>
      <c r="BJ19" s="29"/>
      <c r="BK19" s="29"/>
      <c r="BL19" s="29"/>
      <c r="BM19" s="29"/>
      <c r="BN19" s="29"/>
      <c r="BO19" s="30"/>
      <c r="BP19" s="27"/>
      <c r="BQ19" s="27"/>
      <c r="BR19" s="27"/>
      <c r="BS19" s="27"/>
      <c r="BT19" s="27"/>
      <c r="BU19" s="27"/>
      <c r="BV19" s="27"/>
      <c r="BW19" s="27"/>
      <c r="BX19" s="27"/>
      <c r="BY19" s="27"/>
      <c r="BZ19" s="27"/>
      <c r="CA19" s="27"/>
      <c r="CB19" s="27"/>
      <c r="CC19" s="27"/>
      <c r="CD19" s="27"/>
      <c r="CE19" s="27"/>
      <c r="CF19" s="27"/>
      <c r="CG19" s="27"/>
      <c r="CH19" s="27"/>
      <c r="CI19" s="38"/>
      <c r="CJ19" s="38"/>
      <c r="CK19" s="38"/>
      <c r="CL19" s="38"/>
      <c r="CM19" s="38"/>
      <c r="CN19" s="38"/>
      <c r="CO19" s="38"/>
      <c r="CP19" s="38"/>
      <c r="CQ19" s="38"/>
      <c r="CR19" s="39"/>
    </row>
    <row r="20" spans="1:96" ht="12" customHeight="1" x14ac:dyDescent="0.25">
      <c r="A20" s="109"/>
      <c r="B20" s="110"/>
      <c r="C20" s="141"/>
      <c r="D20" s="141"/>
      <c r="E20" s="121">
        <v>1</v>
      </c>
      <c r="F20" s="122"/>
      <c r="G20" s="122"/>
      <c r="H20" s="122"/>
      <c r="I20" s="122"/>
      <c r="J20" s="122"/>
      <c r="K20" s="122"/>
      <c r="L20" s="122"/>
      <c r="M20" s="122"/>
      <c r="N20" s="122"/>
      <c r="O20" s="122"/>
      <c r="P20" s="122"/>
      <c r="Q20" s="122"/>
      <c r="R20" s="122"/>
      <c r="S20" s="122"/>
      <c r="T20" s="122"/>
      <c r="U20" s="122"/>
      <c r="V20" s="122"/>
      <c r="W20" s="122"/>
      <c r="X20" s="122"/>
      <c r="Y20" s="122"/>
      <c r="Z20" s="122"/>
      <c r="AA20" s="122"/>
      <c r="AB20" s="122"/>
      <c r="AC20" s="122"/>
      <c r="AD20" s="122"/>
      <c r="AE20" s="122"/>
      <c r="AF20" s="122"/>
      <c r="AG20" s="122"/>
      <c r="AH20" s="122"/>
      <c r="AI20" s="123"/>
      <c r="AJ20" s="137"/>
      <c r="AK20" s="138"/>
      <c r="AL20" s="138"/>
      <c r="AM20" s="138"/>
      <c r="AN20" s="138"/>
      <c r="AO20" s="138"/>
      <c r="AP20" s="138"/>
      <c r="AQ20" s="138"/>
      <c r="AR20" s="138"/>
      <c r="AS20" s="138"/>
      <c r="AT20" s="138"/>
      <c r="AU20" s="138"/>
      <c r="AV20" s="138"/>
      <c r="AW20" s="138"/>
      <c r="AX20" s="138"/>
      <c r="AY20" s="138"/>
      <c r="AZ20" s="138"/>
      <c r="BA20" s="138"/>
      <c r="BB20" s="138"/>
      <c r="BC20" s="138"/>
      <c r="BD20" s="138"/>
      <c r="BE20" s="138"/>
      <c r="BF20" s="138"/>
      <c r="BG20" s="138"/>
      <c r="BH20" s="138"/>
      <c r="BI20" s="138"/>
      <c r="BJ20" s="138"/>
      <c r="BK20" s="138"/>
      <c r="BL20" s="138"/>
      <c r="BM20" s="138"/>
      <c r="BN20" s="138"/>
      <c r="BO20" s="137"/>
      <c r="BP20" s="138"/>
      <c r="BQ20" s="138"/>
      <c r="BR20" s="138"/>
      <c r="BS20" s="138"/>
      <c r="BT20" s="138"/>
      <c r="BU20" s="138"/>
      <c r="BV20" s="138"/>
      <c r="BW20" s="138"/>
      <c r="BX20" s="138"/>
      <c r="BY20" s="138"/>
      <c r="BZ20" s="138"/>
      <c r="CA20" s="138"/>
      <c r="CB20" s="138"/>
      <c r="CC20" s="138"/>
      <c r="CD20" s="138"/>
      <c r="CE20" s="138"/>
      <c r="CF20" s="138"/>
      <c r="CG20" s="138"/>
      <c r="CH20" s="138"/>
      <c r="CI20" s="143"/>
      <c r="CJ20" s="143"/>
      <c r="CK20" s="143"/>
      <c r="CL20" s="143"/>
      <c r="CM20" s="143"/>
      <c r="CN20" s="143"/>
      <c r="CO20" s="143"/>
      <c r="CP20" s="143"/>
      <c r="CQ20" s="143"/>
      <c r="CR20" s="144"/>
    </row>
    <row r="21" spans="1:96" ht="12" customHeight="1" x14ac:dyDescent="0.25">
      <c r="A21" s="109"/>
      <c r="B21" s="110"/>
      <c r="C21" s="142"/>
      <c r="D21" s="142"/>
      <c r="E21" s="97"/>
      <c r="F21" s="98"/>
      <c r="G21" s="98"/>
      <c r="H21" s="98"/>
      <c r="I21" s="98"/>
      <c r="J21" s="98"/>
      <c r="K21" s="98"/>
      <c r="L21" s="98"/>
      <c r="M21" s="98"/>
      <c r="N21" s="98"/>
      <c r="O21" s="98"/>
      <c r="P21" s="98"/>
      <c r="Q21" s="98"/>
      <c r="R21" s="98"/>
      <c r="S21" s="98"/>
      <c r="T21" s="98"/>
      <c r="U21" s="98"/>
      <c r="V21" s="98"/>
      <c r="W21" s="98"/>
      <c r="X21" s="98"/>
      <c r="Y21" s="98"/>
      <c r="Z21" s="98"/>
      <c r="AA21" s="98"/>
      <c r="AB21" s="98"/>
      <c r="AC21" s="98"/>
      <c r="AD21" s="98"/>
      <c r="AE21" s="98"/>
      <c r="AF21" s="98"/>
      <c r="AG21" s="98"/>
      <c r="AH21" s="98"/>
      <c r="AI21" s="99"/>
      <c r="AJ21" s="97"/>
      <c r="AK21" s="98"/>
      <c r="AL21" s="98"/>
      <c r="AM21" s="98"/>
      <c r="AN21" s="98"/>
      <c r="AO21" s="98"/>
      <c r="AP21" s="98"/>
      <c r="AQ21" s="98"/>
      <c r="AR21" s="98"/>
      <c r="AS21" s="98"/>
      <c r="AT21" s="98"/>
      <c r="AU21" s="98"/>
      <c r="AV21" s="98"/>
      <c r="AW21" s="98"/>
      <c r="AX21" s="98"/>
      <c r="AY21" s="98"/>
      <c r="AZ21" s="98"/>
      <c r="BA21" s="98"/>
      <c r="BB21" s="98"/>
      <c r="BC21" s="98"/>
      <c r="BD21" s="98"/>
      <c r="BE21" s="98"/>
      <c r="BF21" s="98"/>
      <c r="BG21" s="98"/>
      <c r="BH21" s="98"/>
      <c r="BI21" s="98"/>
      <c r="BJ21" s="98"/>
      <c r="BK21" s="98"/>
      <c r="BL21" s="98"/>
      <c r="BM21" s="98"/>
      <c r="BN21" s="98"/>
      <c r="BO21" s="97"/>
      <c r="BP21" s="98"/>
      <c r="BQ21" s="98"/>
      <c r="BR21" s="98"/>
      <c r="BS21" s="98"/>
      <c r="BT21" s="98"/>
      <c r="BU21" s="98"/>
      <c r="BV21" s="98"/>
      <c r="BW21" s="98"/>
      <c r="BX21" s="98"/>
      <c r="BY21" s="98"/>
      <c r="BZ21" s="98"/>
      <c r="CA21" s="98"/>
      <c r="CB21" s="98"/>
      <c r="CC21" s="98"/>
      <c r="CD21" s="98"/>
      <c r="CE21" s="98"/>
      <c r="CF21" s="98"/>
      <c r="CG21" s="98"/>
      <c r="CH21" s="98"/>
      <c r="CI21" s="100"/>
      <c r="CJ21" s="100"/>
      <c r="CK21" s="100"/>
      <c r="CL21" s="100"/>
      <c r="CM21" s="100"/>
      <c r="CN21" s="100"/>
      <c r="CO21" s="100"/>
      <c r="CP21" s="100"/>
      <c r="CQ21" s="100"/>
      <c r="CR21" s="101"/>
    </row>
    <row r="22" spans="1:96" ht="12" customHeight="1" x14ac:dyDescent="0.25">
      <c r="A22" s="109" t="s">
        <v>27</v>
      </c>
      <c r="B22" s="110" t="s">
        <v>28</v>
      </c>
      <c r="C22" s="140"/>
      <c r="D22" s="140"/>
      <c r="E22" s="29"/>
      <c r="F22" s="29"/>
      <c r="G22" s="29"/>
      <c r="H22" s="29"/>
      <c r="I22" s="29"/>
      <c r="J22" s="29"/>
      <c r="K22" s="29"/>
      <c r="L22" s="29"/>
      <c r="M22" s="29"/>
      <c r="N22" s="29"/>
      <c r="O22" s="29"/>
      <c r="P22" s="29"/>
      <c r="Q22" s="29"/>
      <c r="R22" s="29"/>
      <c r="S22" s="29"/>
      <c r="T22" s="29"/>
      <c r="U22" s="29"/>
      <c r="V22" s="29"/>
      <c r="W22" s="29"/>
      <c r="X22" s="29"/>
      <c r="Y22" s="29"/>
      <c r="Z22" s="29"/>
      <c r="AA22" s="29"/>
      <c r="AB22" s="29"/>
      <c r="AC22" s="29"/>
      <c r="AD22" s="29"/>
      <c r="AE22" s="29"/>
      <c r="AF22" s="29"/>
      <c r="AG22" s="29"/>
      <c r="AH22" s="29"/>
      <c r="AI22" s="29"/>
      <c r="AJ22" s="30"/>
      <c r="AK22" s="27"/>
      <c r="AL22" s="27"/>
      <c r="AM22" s="27"/>
      <c r="AN22" s="27"/>
      <c r="AO22" s="27"/>
      <c r="AP22" s="27"/>
      <c r="AQ22" s="27"/>
      <c r="AR22" s="27"/>
      <c r="AS22" s="27"/>
      <c r="AT22" s="27"/>
      <c r="AU22" s="27"/>
      <c r="AV22" s="27"/>
      <c r="AW22" s="27"/>
      <c r="AX22" s="27"/>
      <c r="AY22" s="27"/>
      <c r="AZ22" s="27"/>
      <c r="BA22" s="27"/>
      <c r="BB22" s="27"/>
      <c r="BC22" s="27"/>
      <c r="BD22" s="27"/>
      <c r="BE22" s="27"/>
      <c r="BF22" s="27"/>
      <c r="BG22" s="27"/>
      <c r="BH22" s="27"/>
      <c r="BI22" s="29"/>
      <c r="BJ22" s="29"/>
      <c r="BK22" s="29"/>
      <c r="BL22" s="29"/>
      <c r="BM22" s="29"/>
      <c r="BN22" s="29"/>
      <c r="BO22" s="136"/>
      <c r="BP22" s="100"/>
      <c r="BQ22" s="100"/>
      <c r="BR22" s="100"/>
      <c r="BS22" s="100"/>
      <c r="BT22" s="100"/>
      <c r="BU22" s="100"/>
      <c r="BV22" s="100"/>
      <c r="BW22" s="100"/>
      <c r="BX22" s="100"/>
      <c r="BY22" s="100"/>
      <c r="BZ22" s="100"/>
      <c r="CA22" s="100"/>
      <c r="CB22" s="100"/>
      <c r="CC22" s="100"/>
      <c r="CD22" s="100"/>
      <c r="CE22" s="100"/>
      <c r="CF22" s="100"/>
      <c r="CG22" s="100"/>
      <c r="CH22" s="100"/>
      <c r="CI22" s="25"/>
      <c r="CJ22" s="25"/>
      <c r="CK22" s="25"/>
      <c r="CL22" s="25"/>
      <c r="CM22" s="40"/>
      <c r="CN22" s="26"/>
      <c r="CO22" s="26"/>
      <c r="CP22" s="26"/>
      <c r="CQ22" s="26"/>
      <c r="CR22" s="41"/>
    </row>
    <row r="23" spans="1:96" ht="12" customHeight="1" x14ac:dyDescent="0.25">
      <c r="A23" s="109"/>
      <c r="B23" s="110"/>
      <c r="C23" s="141"/>
      <c r="D23" s="141"/>
      <c r="E23" s="118"/>
      <c r="F23" s="119"/>
      <c r="G23" s="119"/>
      <c r="H23" s="119"/>
      <c r="I23" s="119"/>
      <c r="J23" s="119"/>
      <c r="K23" s="119"/>
      <c r="L23" s="119"/>
      <c r="M23" s="119"/>
      <c r="N23" s="119"/>
      <c r="O23" s="119"/>
      <c r="P23" s="119"/>
      <c r="Q23" s="119"/>
      <c r="R23" s="119"/>
      <c r="S23" s="119"/>
      <c r="T23" s="119"/>
      <c r="U23" s="119"/>
      <c r="V23" s="119"/>
      <c r="W23" s="119"/>
      <c r="X23" s="119"/>
      <c r="Y23" s="119"/>
      <c r="Z23" s="119"/>
      <c r="AA23" s="119"/>
      <c r="AB23" s="119"/>
      <c r="AC23" s="119"/>
      <c r="AD23" s="119"/>
      <c r="AE23" s="119"/>
      <c r="AF23" s="119"/>
      <c r="AG23" s="119"/>
      <c r="AH23" s="119"/>
      <c r="AI23" s="120"/>
      <c r="AJ23" s="118"/>
      <c r="AK23" s="119"/>
      <c r="AL23" s="119"/>
      <c r="AM23" s="119"/>
      <c r="AN23" s="119"/>
      <c r="AO23" s="119"/>
      <c r="AP23" s="119"/>
      <c r="AQ23" s="119"/>
      <c r="AR23" s="119"/>
      <c r="AS23" s="119"/>
      <c r="AT23" s="119"/>
      <c r="AU23" s="119"/>
      <c r="AV23" s="119"/>
      <c r="AW23" s="119"/>
      <c r="AX23" s="119"/>
      <c r="AY23" s="119"/>
      <c r="AZ23" s="119"/>
      <c r="BA23" s="119"/>
      <c r="BB23" s="119"/>
      <c r="BC23" s="119"/>
      <c r="BD23" s="119"/>
      <c r="BE23" s="119"/>
      <c r="BF23" s="119"/>
      <c r="BG23" s="119"/>
      <c r="BH23" s="119"/>
      <c r="BI23" s="119"/>
      <c r="BJ23" s="119"/>
      <c r="BK23" s="119"/>
      <c r="BL23" s="119"/>
      <c r="BM23" s="119"/>
      <c r="BN23" s="119"/>
      <c r="BO23" s="121">
        <v>1</v>
      </c>
      <c r="BP23" s="122"/>
      <c r="BQ23" s="122"/>
      <c r="BR23" s="122"/>
      <c r="BS23" s="122"/>
      <c r="BT23" s="122"/>
      <c r="BU23" s="122"/>
      <c r="BV23" s="122"/>
      <c r="BW23" s="122"/>
      <c r="BX23" s="122"/>
      <c r="BY23" s="122"/>
      <c r="BZ23" s="122"/>
      <c r="CA23" s="122"/>
      <c r="CB23" s="122"/>
      <c r="CC23" s="122"/>
      <c r="CD23" s="122"/>
      <c r="CE23" s="122"/>
      <c r="CF23" s="122"/>
      <c r="CG23" s="122"/>
      <c r="CH23" s="122"/>
      <c r="CI23" s="129"/>
      <c r="CJ23" s="129"/>
      <c r="CK23" s="129"/>
      <c r="CL23" s="129"/>
      <c r="CM23" s="129"/>
      <c r="CN23" s="129"/>
      <c r="CO23" s="129"/>
      <c r="CP23" s="129"/>
      <c r="CQ23" s="129"/>
      <c r="CR23" s="130"/>
    </row>
    <row r="24" spans="1:96" ht="12" customHeight="1" x14ac:dyDescent="0.25">
      <c r="A24" s="109"/>
      <c r="B24" s="110"/>
      <c r="C24" s="142"/>
      <c r="D24" s="142"/>
      <c r="E24" s="97"/>
      <c r="F24" s="98"/>
      <c r="G24" s="98"/>
      <c r="H24" s="98"/>
      <c r="I24" s="98"/>
      <c r="J24" s="98"/>
      <c r="K24" s="98"/>
      <c r="L24" s="98"/>
      <c r="M24" s="98"/>
      <c r="N24" s="98"/>
      <c r="O24" s="98"/>
      <c r="P24" s="98"/>
      <c r="Q24" s="98"/>
      <c r="R24" s="98"/>
      <c r="S24" s="98"/>
      <c r="T24" s="98"/>
      <c r="U24" s="98"/>
      <c r="V24" s="98"/>
      <c r="W24" s="98"/>
      <c r="X24" s="98"/>
      <c r="Y24" s="98"/>
      <c r="Z24" s="98"/>
      <c r="AA24" s="98"/>
      <c r="AB24" s="98"/>
      <c r="AC24" s="98"/>
      <c r="AD24" s="98"/>
      <c r="AE24" s="98"/>
      <c r="AF24" s="98"/>
      <c r="AG24" s="98"/>
      <c r="AH24" s="98"/>
      <c r="AI24" s="99"/>
      <c r="AJ24" s="97"/>
      <c r="AK24" s="98"/>
      <c r="AL24" s="98"/>
      <c r="AM24" s="98"/>
      <c r="AN24" s="98"/>
      <c r="AO24" s="98"/>
      <c r="AP24" s="98"/>
      <c r="AQ24" s="98"/>
      <c r="AR24" s="98"/>
      <c r="AS24" s="98"/>
      <c r="AT24" s="98"/>
      <c r="AU24" s="98"/>
      <c r="AV24" s="98"/>
      <c r="AW24" s="98"/>
      <c r="AX24" s="98"/>
      <c r="AY24" s="98"/>
      <c r="AZ24" s="98"/>
      <c r="BA24" s="98"/>
      <c r="BB24" s="98"/>
      <c r="BC24" s="98"/>
      <c r="BD24" s="98"/>
      <c r="BE24" s="98"/>
      <c r="BF24" s="98"/>
      <c r="BG24" s="98"/>
      <c r="BH24" s="98"/>
      <c r="BI24" s="98"/>
      <c r="BJ24" s="98"/>
      <c r="BK24" s="98"/>
      <c r="BL24" s="98"/>
      <c r="BM24" s="98"/>
      <c r="BN24" s="98"/>
      <c r="BO24" s="170"/>
      <c r="BP24" s="171"/>
      <c r="BQ24" s="171"/>
      <c r="BR24" s="171"/>
      <c r="BS24" s="171"/>
      <c r="BT24" s="171"/>
      <c r="BU24" s="171"/>
      <c r="BV24" s="171"/>
      <c r="BW24" s="171"/>
      <c r="BX24" s="171"/>
      <c r="BY24" s="171"/>
      <c r="BZ24" s="171"/>
      <c r="CA24" s="171"/>
      <c r="CB24" s="171"/>
      <c r="CC24" s="171"/>
      <c r="CD24" s="171"/>
      <c r="CE24" s="171"/>
      <c r="CF24" s="171"/>
      <c r="CG24" s="171"/>
      <c r="CH24" s="171"/>
      <c r="CI24" s="172"/>
      <c r="CJ24" s="172"/>
      <c r="CK24" s="172"/>
      <c r="CL24" s="172"/>
      <c r="CM24" s="172"/>
      <c r="CN24" s="172"/>
      <c r="CO24" s="172"/>
      <c r="CP24" s="172"/>
      <c r="CQ24" s="172"/>
      <c r="CR24" s="173"/>
    </row>
    <row r="25" spans="1:96" ht="12" customHeight="1" x14ac:dyDescent="0.25">
      <c r="A25" s="109" t="s">
        <v>29</v>
      </c>
      <c r="B25" s="110" t="s">
        <v>30</v>
      </c>
      <c r="C25" s="140"/>
      <c r="D25" s="140"/>
      <c r="E25" s="35"/>
      <c r="F25" s="36"/>
      <c r="G25" s="36"/>
      <c r="H25" s="36"/>
      <c r="I25" s="36"/>
      <c r="J25" s="37"/>
      <c r="K25" s="37"/>
      <c r="L25" s="37"/>
      <c r="M25" s="25"/>
      <c r="N25" s="25"/>
      <c r="O25" s="25"/>
      <c r="P25" s="25"/>
      <c r="Q25" s="25"/>
      <c r="R25" s="25"/>
      <c r="S25" s="25"/>
      <c r="T25" s="25"/>
      <c r="U25" s="25"/>
      <c r="V25" s="25"/>
      <c r="W25" s="25"/>
      <c r="X25" s="25"/>
      <c r="Y25" s="25"/>
      <c r="Z25" s="25"/>
      <c r="AA25" s="25"/>
      <c r="AB25" s="25"/>
      <c r="AC25" s="25"/>
      <c r="AD25" s="25"/>
      <c r="AE25" s="25"/>
      <c r="AF25" s="25"/>
      <c r="AG25" s="25"/>
      <c r="AH25" s="25"/>
      <c r="AI25" s="25"/>
      <c r="AJ25" s="42"/>
      <c r="AK25" s="26"/>
      <c r="AL25" s="26"/>
      <c r="AM25" s="26"/>
      <c r="AN25" s="26"/>
      <c r="AO25" s="26"/>
      <c r="AP25" s="26"/>
      <c r="AQ25" s="26"/>
      <c r="AR25" s="26"/>
      <c r="AS25" s="26"/>
      <c r="AT25" s="26"/>
      <c r="AU25" s="26"/>
      <c r="AV25" s="26"/>
      <c r="AW25" s="26"/>
      <c r="AX25" s="26"/>
      <c r="AY25" s="26"/>
      <c r="AZ25" s="26"/>
      <c r="BA25" s="26"/>
      <c r="BB25" s="26"/>
      <c r="BC25" s="26"/>
      <c r="BD25" s="26"/>
      <c r="BE25" s="26"/>
      <c r="BF25" s="26"/>
      <c r="BG25" s="26"/>
      <c r="BH25" s="26"/>
      <c r="BI25" s="25"/>
      <c r="BJ25" s="25"/>
      <c r="BK25" s="25"/>
      <c r="BL25" s="25"/>
      <c r="BM25" s="25"/>
      <c r="BN25" s="25"/>
      <c r="BO25" s="43"/>
      <c r="BP25" s="33"/>
      <c r="BQ25" s="33"/>
      <c r="BR25" s="33"/>
      <c r="BS25" s="33"/>
      <c r="BT25" s="33"/>
      <c r="BU25" s="33"/>
      <c r="BV25" s="33"/>
      <c r="BW25" s="33"/>
      <c r="BX25" s="33"/>
      <c r="BY25" s="33"/>
      <c r="BZ25" s="33"/>
      <c r="CA25" s="33"/>
      <c r="CB25" s="33"/>
      <c r="CC25" s="33"/>
      <c r="CD25" s="33"/>
      <c r="CE25" s="33"/>
      <c r="CF25" s="33"/>
      <c r="CG25" s="33"/>
      <c r="CH25" s="33"/>
      <c r="CI25" s="44"/>
      <c r="CJ25" s="44"/>
      <c r="CK25" s="44"/>
      <c r="CL25" s="44"/>
      <c r="CM25" s="44"/>
      <c r="CN25" s="44"/>
      <c r="CO25" s="44"/>
      <c r="CP25" s="44"/>
      <c r="CQ25" s="44"/>
      <c r="CR25" s="45"/>
    </row>
    <row r="26" spans="1:96" ht="12" customHeight="1" x14ac:dyDescent="0.2">
      <c r="A26" s="109"/>
      <c r="B26" s="110"/>
      <c r="C26" s="141"/>
      <c r="D26" s="141"/>
      <c r="E26" s="121">
        <v>0.1</v>
      </c>
      <c r="F26" s="122"/>
      <c r="G26" s="122"/>
      <c r="H26" s="122"/>
      <c r="I26" s="122"/>
      <c r="J26" s="122"/>
      <c r="K26" s="122"/>
      <c r="L26" s="122"/>
      <c r="M26" s="122"/>
      <c r="N26" s="122"/>
      <c r="O26" s="122"/>
      <c r="P26" s="122"/>
      <c r="Q26" s="122"/>
      <c r="R26" s="122"/>
      <c r="S26" s="122"/>
      <c r="T26" s="122"/>
      <c r="U26" s="122"/>
      <c r="V26" s="122"/>
      <c r="W26" s="122"/>
      <c r="X26" s="122"/>
      <c r="Y26" s="122"/>
      <c r="Z26" s="122"/>
      <c r="AA26" s="122"/>
      <c r="AB26" s="122"/>
      <c r="AC26" s="122"/>
      <c r="AD26" s="122"/>
      <c r="AE26" s="122"/>
      <c r="AF26" s="122"/>
      <c r="AG26" s="122"/>
      <c r="AH26" s="122"/>
      <c r="AI26" s="123"/>
      <c r="AJ26" s="121">
        <v>0.8</v>
      </c>
      <c r="AK26" s="122"/>
      <c r="AL26" s="122"/>
      <c r="AM26" s="122"/>
      <c r="AN26" s="122"/>
      <c r="AO26" s="122"/>
      <c r="AP26" s="122"/>
      <c r="AQ26" s="122"/>
      <c r="AR26" s="122"/>
      <c r="AS26" s="122"/>
      <c r="AT26" s="122"/>
      <c r="AU26" s="122"/>
      <c r="AV26" s="122"/>
      <c r="AW26" s="122"/>
      <c r="AX26" s="122"/>
      <c r="AY26" s="122"/>
      <c r="AZ26" s="122"/>
      <c r="BA26" s="122"/>
      <c r="BB26" s="122"/>
      <c r="BC26" s="122"/>
      <c r="BD26" s="122"/>
      <c r="BE26" s="122"/>
      <c r="BF26" s="122"/>
      <c r="BG26" s="122"/>
      <c r="BH26" s="122"/>
      <c r="BI26" s="122"/>
      <c r="BJ26" s="122"/>
      <c r="BK26" s="122"/>
      <c r="BL26" s="122"/>
      <c r="BM26" s="122"/>
      <c r="BN26" s="123"/>
      <c r="BO26" s="121">
        <v>0.1</v>
      </c>
      <c r="BP26" s="122"/>
      <c r="BQ26" s="122"/>
      <c r="BR26" s="122"/>
      <c r="BS26" s="122"/>
      <c r="BT26" s="122"/>
      <c r="BU26" s="122"/>
      <c r="BV26" s="122"/>
      <c r="BW26" s="122"/>
      <c r="BX26" s="122"/>
      <c r="BY26" s="122"/>
      <c r="BZ26" s="122"/>
      <c r="CA26" s="122"/>
      <c r="CB26" s="122"/>
      <c r="CC26" s="122"/>
      <c r="CD26" s="122"/>
      <c r="CE26" s="122"/>
      <c r="CF26" s="122"/>
      <c r="CG26" s="122"/>
      <c r="CH26" s="122"/>
      <c r="CI26" s="122"/>
      <c r="CJ26" s="122"/>
      <c r="CK26" s="122"/>
      <c r="CL26" s="122"/>
      <c r="CM26" s="122"/>
      <c r="CN26" s="122"/>
      <c r="CO26" s="122"/>
      <c r="CP26" s="122"/>
      <c r="CQ26" s="122"/>
      <c r="CR26" s="122"/>
    </row>
    <row r="27" spans="1:96" ht="12" customHeight="1" x14ac:dyDescent="0.25">
      <c r="A27" s="109"/>
      <c r="B27" s="110"/>
      <c r="C27" s="142"/>
      <c r="D27" s="142"/>
      <c r="E27" s="97"/>
      <c r="F27" s="98"/>
      <c r="G27" s="98"/>
      <c r="H27" s="98"/>
      <c r="I27" s="98"/>
      <c r="J27" s="98"/>
      <c r="K27" s="98"/>
      <c r="L27" s="98"/>
      <c r="M27" s="98"/>
      <c r="N27" s="98"/>
      <c r="O27" s="98"/>
      <c r="P27" s="98"/>
      <c r="Q27" s="98"/>
      <c r="R27" s="98"/>
      <c r="S27" s="98"/>
      <c r="T27" s="98"/>
      <c r="U27" s="98"/>
      <c r="V27" s="98"/>
      <c r="W27" s="98"/>
      <c r="X27" s="98"/>
      <c r="Y27" s="98"/>
      <c r="Z27" s="98"/>
      <c r="AA27" s="98"/>
      <c r="AB27" s="98"/>
      <c r="AC27" s="98"/>
      <c r="AD27" s="98"/>
      <c r="AE27" s="98"/>
      <c r="AF27" s="98"/>
      <c r="AG27" s="98"/>
      <c r="AH27" s="98"/>
      <c r="AI27" s="99"/>
      <c r="AJ27" s="97"/>
      <c r="AK27" s="98"/>
      <c r="AL27" s="98"/>
      <c r="AM27" s="98"/>
      <c r="AN27" s="98"/>
      <c r="AO27" s="98"/>
      <c r="AP27" s="98"/>
      <c r="AQ27" s="98"/>
      <c r="AR27" s="98"/>
      <c r="AS27" s="98"/>
      <c r="AT27" s="98"/>
      <c r="AU27" s="98"/>
      <c r="AV27" s="98"/>
      <c r="AW27" s="98"/>
      <c r="AX27" s="98"/>
      <c r="AY27" s="98"/>
      <c r="AZ27" s="98"/>
      <c r="BA27" s="98"/>
      <c r="BB27" s="98"/>
      <c r="BC27" s="98"/>
      <c r="BD27" s="98"/>
      <c r="BE27" s="98"/>
      <c r="BF27" s="98"/>
      <c r="BG27" s="98"/>
      <c r="BH27" s="98"/>
      <c r="BI27" s="98"/>
      <c r="BJ27" s="98"/>
      <c r="BK27" s="98"/>
      <c r="BL27" s="98"/>
      <c r="BM27" s="98"/>
      <c r="BN27" s="98"/>
      <c r="BO27" s="97"/>
      <c r="BP27" s="98"/>
      <c r="BQ27" s="98"/>
      <c r="BR27" s="98"/>
      <c r="BS27" s="98"/>
      <c r="BT27" s="98"/>
      <c r="BU27" s="98"/>
      <c r="BV27" s="98"/>
      <c r="BW27" s="98"/>
      <c r="BX27" s="98"/>
      <c r="BY27" s="98"/>
      <c r="BZ27" s="98"/>
      <c r="CA27" s="98"/>
      <c r="CB27" s="98"/>
      <c r="CC27" s="98"/>
      <c r="CD27" s="98"/>
      <c r="CE27" s="98"/>
      <c r="CF27" s="98"/>
      <c r="CG27" s="98"/>
      <c r="CH27" s="98"/>
      <c r="CI27" s="100"/>
      <c r="CJ27" s="100"/>
      <c r="CK27" s="100"/>
      <c r="CL27" s="100"/>
      <c r="CM27" s="100"/>
      <c r="CN27" s="100"/>
      <c r="CO27" s="100"/>
      <c r="CP27" s="100"/>
      <c r="CQ27" s="100"/>
      <c r="CR27" s="101"/>
    </row>
    <row r="28" spans="1:96" ht="12" customHeight="1" x14ac:dyDescent="0.25">
      <c r="A28" s="109" t="s">
        <v>31</v>
      </c>
      <c r="B28" s="110" t="s">
        <v>32</v>
      </c>
      <c r="C28" s="140"/>
      <c r="D28" s="140"/>
      <c r="E28" s="168"/>
      <c r="F28" s="135"/>
      <c r="G28" s="135"/>
      <c r="H28" s="135"/>
      <c r="I28" s="135"/>
      <c r="J28" s="135"/>
      <c r="K28" s="135"/>
      <c r="L28" s="37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5"/>
      <c r="X28" s="25"/>
      <c r="Y28" s="25"/>
      <c r="Z28" s="25"/>
      <c r="AA28" s="25"/>
      <c r="AB28" s="25"/>
      <c r="AC28" s="25"/>
      <c r="AD28" s="25"/>
      <c r="AE28" s="25"/>
      <c r="AF28" s="25"/>
      <c r="AG28" s="25"/>
      <c r="AH28" s="25"/>
      <c r="AI28" s="25"/>
      <c r="AJ28" s="42"/>
      <c r="AK28" s="26"/>
      <c r="AL28" s="26"/>
      <c r="AM28" s="26"/>
      <c r="AN28" s="26"/>
      <c r="AO28" s="26"/>
      <c r="AP28" s="26"/>
      <c r="AQ28" s="26"/>
      <c r="AR28" s="26"/>
      <c r="AS28" s="26"/>
      <c r="AT28" s="26"/>
      <c r="AU28" s="26"/>
      <c r="AV28" s="26"/>
      <c r="AW28" s="26"/>
      <c r="AX28" s="26"/>
      <c r="AY28" s="26"/>
      <c r="AZ28" s="26"/>
      <c r="BA28" s="26"/>
      <c r="BB28" s="26"/>
      <c r="BC28" s="26"/>
      <c r="BD28" s="26"/>
      <c r="BE28" s="26"/>
      <c r="BF28" s="26"/>
      <c r="BG28" s="26"/>
      <c r="BH28" s="26"/>
      <c r="BI28" s="25"/>
      <c r="BJ28" s="25"/>
      <c r="BK28" s="25"/>
      <c r="BL28" s="25"/>
      <c r="BM28" s="25"/>
      <c r="BN28" s="25"/>
      <c r="BO28" s="42"/>
      <c r="BP28" s="26"/>
      <c r="BQ28" s="26"/>
      <c r="BR28" s="26"/>
      <c r="BS28" s="26"/>
      <c r="BT28" s="26"/>
      <c r="BU28" s="26"/>
      <c r="BV28" s="26"/>
      <c r="BW28" s="26"/>
      <c r="BX28" s="26"/>
      <c r="BY28" s="26"/>
      <c r="BZ28" s="26"/>
      <c r="CA28" s="26"/>
      <c r="CB28" s="26"/>
      <c r="CC28" s="26"/>
      <c r="CD28" s="26"/>
      <c r="CE28" s="26"/>
      <c r="CF28" s="26"/>
      <c r="CG28" s="26"/>
      <c r="CH28" s="26"/>
      <c r="CI28" s="46"/>
      <c r="CJ28" s="46"/>
      <c r="CK28" s="46"/>
      <c r="CL28" s="46"/>
      <c r="CM28" s="46"/>
      <c r="CN28" s="46"/>
      <c r="CO28" s="46"/>
      <c r="CP28" s="46"/>
      <c r="CQ28" s="46"/>
      <c r="CR28" s="47"/>
    </row>
    <row r="29" spans="1:96" ht="12" customHeight="1" x14ac:dyDescent="0.25">
      <c r="A29" s="109"/>
      <c r="B29" s="110"/>
      <c r="C29" s="141"/>
      <c r="D29" s="141"/>
      <c r="E29" s="121">
        <v>0.1</v>
      </c>
      <c r="F29" s="122"/>
      <c r="G29" s="122"/>
      <c r="H29" s="122"/>
      <c r="I29" s="122"/>
      <c r="J29" s="122"/>
      <c r="K29" s="122"/>
      <c r="L29" s="122"/>
      <c r="M29" s="122"/>
      <c r="N29" s="122"/>
      <c r="O29" s="122"/>
      <c r="P29" s="122"/>
      <c r="Q29" s="122"/>
      <c r="R29" s="122"/>
      <c r="S29" s="122"/>
      <c r="T29" s="122"/>
      <c r="U29" s="122"/>
      <c r="V29" s="122"/>
      <c r="W29" s="122"/>
      <c r="X29" s="122"/>
      <c r="Y29" s="122"/>
      <c r="Z29" s="122"/>
      <c r="AA29" s="122"/>
      <c r="AB29" s="122"/>
      <c r="AC29" s="122"/>
      <c r="AD29" s="122"/>
      <c r="AE29" s="122"/>
      <c r="AF29" s="122"/>
      <c r="AG29" s="122"/>
      <c r="AH29" s="122"/>
      <c r="AI29" s="123"/>
      <c r="AJ29" s="121">
        <v>0.8</v>
      </c>
      <c r="AK29" s="122"/>
      <c r="AL29" s="122"/>
      <c r="AM29" s="122"/>
      <c r="AN29" s="122"/>
      <c r="AO29" s="122"/>
      <c r="AP29" s="122"/>
      <c r="AQ29" s="122"/>
      <c r="AR29" s="122"/>
      <c r="AS29" s="122"/>
      <c r="AT29" s="122"/>
      <c r="AU29" s="122"/>
      <c r="AV29" s="122"/>
      <c r="AW29" s="122"/>
      <c r="AX29" s="122"/>
      <c r="AY29" s="122"/>
      <c r="AZ29" s="122"/>
      <c r="BA29" s="122"/>
      <c r="BB29" s="122"/>
      <c r="BC29" s="122"/>
      <c r="BD29" s="122"/>
      <c r="BE29" s="122"/>
      <c r="BF29" s="122"/>
      <c r="BG29" s="122"/>
      <c r="BH29" s="122"/>
      <c r="BI29" s="122"/>
      <c r="BJ29" s="122"/>
      <c r="BK29" s="122"/>
      <c r="BL29" s="122"/>
      <c r="BM29" s="122"/>
      <c r="BN29" s="122"/>
      <c r="BO29" s="121">
        <v>0.1</v>
      </c>
      <c r="BP29" s="122"/>
      <c r="BQ29" s="122"/>
      <c r="BR29" s="122"/>
      <c r="BS29" s="122"/>
      <c r="BT29" s="122"/>
      <c r="BU29" s="122"/>
      <c r="BV29" s="122"/>
      <c r="BW29" s="122"/>
      <c r="BX29" s="122"/>
      <c r="BY29" s="122"/>
      <c r="BZ29" s="122"/>
      <c r="CA29" s="122"/>
      <c r="CB29" s="122"/>
      <c r="CC29" s="122"/>
      <c r="CD29" s="122"/>
      <c r="CE29" s="122"/>
      <c r="CF29" s="122"/>
      <c r="CG29" s="122"/>
      <c r="CH29" s="122"/>
      <c r="CI29" s="129"/>
      <c r="CJ29" s="129"/>
      <c r="CK29" s="129"/>
      <c r="CL29" s="129"/>
      <c r="CM29" s="129"/>
      <c r="CN29" s="129"/>
      <c r="CO29" s="129"/>
      <c r="CP29" s="129"/>
      <c r="CQ29" s="129"/>
      <c r="CR29" s="130"/>
    </row>
    <row r="30" spans="1:96" ht="12" customHeight="1" x14ac:dyDescent="0.25">
      <c r="A30" s="109"/>
      <c r="B30" s="110"/>
      <c r="C30" s="142"/>
      <c r="D30" s="142"/>
      <c r="E30" s="97"/>
      <c r="F30" s="98"/>
      <c r="G30" s="98"/>
      <c r="H30" s="98"/>
      <c r="I30" s="98"/>
      <c r="J30" s="98"/>
      <c r="K30" s="98"/>
      <c r="L30" s="98"/>
      <c r="M30" s="98"/>
      <c r="N30" s="98"/>
      <c r="O30" s="98"/>
      <c r="P30" s="98"/>
      <c r="Q30" s="98"/>
      <c r="R30" s="98"/>
      <c r="S30" s="98"/>
      <c r="T30" s="98"/>
      <c r="U30" s="98"/>
      <c r="V30" s="98"/>
      <c r="W30" s="98"/>
      <c r="X30" s="98"/>
      <c r="Y30" s="98"/>
      <c r="Z30" s="98"/>
      <c r="AA30" s="98"/>
      <c r="AB30" s="98"/>
      <c r="AC30" s="98"/>
      <c r="AD30" s="98"/>
      <c r="AE30" s="98"/>
      <c r="AF30" s="98"/>
      <c r="AG30" s="98"/>
      <c r="AH30" s="98"/>
      <c r="AI30" s="99"/>
      <c r="AJ30" s="97"/>
      <c r="AK30" s="98"/>
      <c r="AL30" s="98"/>
      <c r="AM30" s="98"/>
      <c r="AN30" s="98"/>
      <c r="AO30" s="98"/>
      <c r="AP30" s="98"/>
      <c r="AQ30" s="98"/>
      <c r="AR30" s="98"/>
      <c r="AS30" s="98"/>
      <c r="AT30" s="98"/>
      <c r="AU30" s="98"/>
      <c r="AV30" s="98"/>
      <c r="AW30" s="98"/>
      <c r="AX30" s="98"/>
      <c r="AY30" s="98"/>
      <c r="AZ30" s="98"/>
      <c r="BA30" s="98"/>
      <c r="BB30" s="98"/>
      <c r="BC30" s="98"/>
      <c r="BD30" s="98"/>
      <c r="BE30" s="98"/>
      <c r="BF30" s="98"/>
      <c r="BG30" s="98"/>
      <c r="BH30" s="98"/>
      <c r="BI30" s="98"/>
      <c r="BJ30" s="98"/>
      <c r="BK30" s="98"/>
      <c r="BL30" s="98"/>
      <c r="BM30" s="98"/>
      <c r="BN30" s="98"/>
      <c r="BO30" s="97"/>
      <c r="BP30" s="98"/>
      <c r="BQ30" s="98"/>
      <c r="BR30" s="98"/>
      <c r="BS30" s="98"/>
      <c r="BT30" s="98"/>
      <c r="BU30" s="98"/>
      <c r="BV30" s="98"/>
      <c r="BW30" s="98"/>
      <c r="BX30" s="98"/>
      <c r="BY30" s="98"/>
      <c r="BZ30" s="98"/>
      <c r="CA30" s="98"/>
      <c r="CB30" s="98"/>
      <c r="CC30" s="98"/>
      <c r="CD30" s="98"/>
      <c r="CE30" s="98"/>
      <c r="CF30" s="98"/>
      <c r="CG30" s="98"/>
      <c r="CH30" s="98"/>
      <c r="CI30" s="100"/>
      <c r="CJ30" s="100"/>
      <c r="CK30" s="100"/>
      <c r="CL30" s="100"/>
      <c r="CM30" s="100"/>
      <c r="CN30" s="100"/>
      <c r="CO30" s="100"/>
      <c r="CP30" s="100"/>
      <c r="CQ30" s="100"/>
      <c r="CR30" s="101"/>
    </row>
    <row r="31" spans="1:96" ht="12" customHeight="1" x14ac:dyDescent="0.25">
      <c r="A31" s="109" t="s">
        <v>33</v>
      </c>
      <c r="B31" s="110" t="s">
        <v>34</v>
      </c>
      <c r="C31" s="140"/>
      <c r="D31" s="140"/>
      <c r="E31" s="111"/>
      <c r="F31" s="143"/>
      <c r="G31" s="143"/>
      <c r="H31" s="143"/>
      <c r="I31" s="143"/>
      <c r="J31" s="143"/>
      <c r="K31" s="143"/>
      <c r="L31" s="36"/>
      <c r="M31" s="29"/>
      <c r="N31" s="29"/>
      <c r="O31" s="29"/>
      <c r="P31" s="29"/>
      <c r="Q31" s="29"/>
      <c r="R31" s="29"/>
      <c r="S31" s="29"/>
      <c r="T31" s="29"/>
      <c r="U31" s="29"/>
      <c r="V31" s="29"/>
      <c r="W31" s="29"/>
      <c r="X31" s="29"/>
      <c r="Y31" s="25"/>
      <c r="Z31" s="25"/>
      <c r="AA31" s="25"/>
      <c r="AB31" s="25"/>
      <c r="AC31" s="25"/>
      <c r="AD31" s="25"/>
      <c r="AE31" s="25"/>
      <c r="AF31" s="25"/>
      <c r="AG31" s="25"/>
      <c r="AH31" s="25"/>
      <c r="AI31" s="25"/>
      <c r="AJ31" s="42"/>
      <c r="AK31" s="26"/>
      <c r="AL31" s="26"/>
      <c r="AM31" s="26"/>
      <c r="AN31" s="26"/>
      <c r="AO31" s="26"/>
      <c r="AP31" s="26"/>
      <c r="AQ31" s="26"/>
      <c r="AR31" s="26"/>
      <c r="AS31" s="26"/>
      <c r="AT31" s="26"/>
      <c r="AU31" s="26"/>
      <c r="AV31" s="26"/>
      <c r="AW31" s="26"/>
      <c r="AX31" s="26"/>
      <c r="AY31" s="26"/>
      <c r="AZ31" s="26"/>
      <c r="BA31" s="26"/>
      <c r="BB31" s="26"/>
      <c r="BC31" s="26"/>
      <c r="BD31" s="26"/>
      <c r="BE31" s="26"/>
      <c r="BF31" s="26"/>
      <c r="BG31" s="26"/>
      <c r="BH31" s="26"/>
      <c r="BI31" s="25"/>
      <c r="BJ31" s="25"/>
      <c r="BK31" s="25"/>
      <c r="BL31" s="25"/>
      <c r="BM31" s="25"/>
      <c r="BN31" s="25"/>
      <c r="BO31" s="42"/>
      <c r="BP31" s="26"/>
      <c r="BQ31" s="26"/>
      <c r="BR31" s="26"/>
      <c r="BS31" s="26"/>
      <c r="BT31" s="26"/>
      <c r="BU31" s="26"/>
      <c r="BV31" s="26"/>
      <c r="BW31" s="26"/>
      <c r="BX31" s="26"/>
      <c r="BY31" s="26"/>
      <c r="BZ31" s="26"/>
      <c r="CA31" s="26"/>
      <c r="CB31" s="26"/>
      <c r="CC31" s="26"/>
      <c r="CD31" s="26"/>
      <c r="CE31" s="26"/>
      <c r="CF31" s="26"/>
      <c r="CG31" s="26"/>
      <c r="CH31" s="26"/>
      <c r="CI31" s="46"/>
      <c r="CJ31" s="46"/>
      <c r="CK31" s="46"/>
      <c r="CL31" s="46"/>
      <c r="CM31" s="46"/>
      <c r="CN31" s="46"/>
      <c r="CO31" s="46"/>
      <c r="CP31" s="46"/>
      <c r="CQ31" s="46"/>
      <c r="CR31" s="47"/>
    </row>
    <row r="32" spans="1:96" ht="12" customHeight="1" x14ac:dyDescent="0.2">
      <c r="A32" s="109"/>
      <c r="B32" s="110"/>
      <c r="C32" s="141"/>
      <c r="D32" s="141"/>
      <c r="E32" s="121">
        <v>0.2</v>
      </c>
      <c r="F32" s="122"/>
      <c r="G32" s="122"/>
      <c r="H32" s="122"/>
      <c r="I32" s="122"/>
      <c r="J32" s="122"/>
      <c r="K32" s="122"/>
      <c r="L32" s="122"/>
      <c r="M32" s="122"/>
      <c r="N32" s="122"/>
      <c r="O32" s="122"/>
      <c r="P32" s="122"/>
      <c r="Q32" s="122"/>
      <c r="R32" s="122"/>
      <c r="S32" s="122"/>
      <c r="T32" s="122"/>
      <c r="U32" s="122"/>
      <c r="V32" s="122"/>
      <c r="W32" s="122"/>
      <c r="X32" s="122"/>
      <c r="Y32" s="122"/>
      <c r="Z32" s="122"/>
      <c r="AA32" s="122"/>
      <c r="AB32" s="122"/>
      <c r="AC32" s="122"/>
      <c r="AD32" s="122"/>
      <c r="AE32" s="122"/>
      <c r="AF32" s="122"/>
      <c r="AG32" s="122"/>
      <c r="AH32" s="122"/>
      <c r="AI32" s="123"/>
      <c r="AJ32" s="121">
        <v>0.4</v>
      </c>
      <c r="AK32" s="122"/>
      <c r="AL32" s="122"/>
      <c r="AM32" s="122"/>
      <c r="AN32" s="122"/>
      <c r="AO32" s="122"/>
      <c r="AP32" s="122"/>
      <c r="AQ32" s="122"/>
      <c r="AR32" s="122"/>
      <c r="AS32" s="122"/>
      <c r="AT32" s="122"/>
      <c r="AU32" s="122"/>
      <c r="AV32" s="122"/>
      <c r="AW32" s="122"/>
      <c r="AX32" s="122"/>
      <c r="AY32" s="122"/>
      <c r="AZ32" s="122"/>
      <c r="BA32" s="122"/>
      <c r="BB32" s="122"/>
      <c r="BC32" s="122"/>
      <c r="BD32" s="122"/>
      <c r="BE32" s="122"/>
      <c r="BF32" s="122"/>
      <c r="BG32" s="122"/>
      <c r="BH32" s="122"/>
      <c r="BI32" s="122"/>
      <c r="BJ32" s="122"/>
      <c r="BK32" s="122"/>
      <c r="BL32" s="122"/>
      <c r="BM32" s="122"/>
      <c r="BN32" s="123"/>
      <c r="BO32" s="121">
        <v>0.4</v>
      </c>
      <c r="BP32" s="122"/>
      <c r="BQ32" s="122"/>
      <c r="BR32" s="122"/>
      <c r="BS32" s="122"/>
      <c r="BT32" s="122"/>
      <c r="BU32" s="122"/>
      <c r="BV32" s="122"/>
      <c r="BW32" s="122"/>
      <c r="BX32" s="122"/>
      <c r="BY32" s="122"/>
      <c r="BZ32" s="122"/>
      <c r="CA32" s="122"/>
      <c r="CB32" s="122"/>
      <c r="CC32" s="122"/>
      <c r="CD32" s="122"/>
      <c r="CE32" s="122"/>
      <c r="CF32" s="122"/>
      <c r="CG32" s="122"/>
      <c r="CH32" s="122"/>
      <c r="CI32" s="122"/>
      <c r="CJ32" s="122"/>
      <c r="CK32" s="122"/>
      <c r="CL32" s="122"/>
      <c r="CM32" s="122"/>
      <c r="CN32" s="122"/>
      <c r="CO32" s="122"/>
      <c r="CP32" s="122"/>
      <c r="CQ32" s="122"/>
      <c r="CR32" s="122"/>
    </row>
    <row r="33" spans="1:96" ht="12" customHeight="1" x14ac:dyDescent="0.25">
      <c r="A33" s="109"/>
      <c r="B33" s="110"/>
      <c r="C33" s="142"/>
      <c r="D33" s="142"/>
      <c r="E33" s="165"/>
      <c r="F33" s="166"/>
      <c r="G33" s="166"/>
      <c r="H33" s="166"/>
      <c r="I33" s="166"/>
      <c r="J33" s="166"/>
      <c r="K33" s="166"/>
      <c r="L33" s="166"/>
      <c r="M33" s="166"/>
      <c r="N33" s="166"/>
      <c r="O33" s="166"/>
      <c r="P33" s="166"/>
      <c r="Q33" s="166"/>
      <c r="R33" s="166"/>
      <c r="S33" s="166"/>
      <c r="T33" s="166"/>
      <c r="U33" s="166"/>
      <c r="V33" s="166"/>
      <c r="W33" s="166"/>
      <c r="X33" s="166"/>
      <c r="Y33" s="166"/>
      <c r="Z33" s="166"/>
      <c r="AA33" s="166"/>
      <c r="AB33" s="166"/>
      <c r="AC33" s="166"/>
      <c r="AD33" s="166"/>
      <c r="AE33" s="166"/>
      <c r="AF33" s="166"/>
      <c r="AG33" s="166"/>
      <c r="AH33" s="166"/>
      <c r="AI33" s="167"/>
      <c r="AJ33" s="97"/>
      <c r="AK33" s="98"/>
      <c r="AL33" s="98"/>
      <c r="AM33" s="98"/>
      <c r="AN33" s="98"/>
      <c r="AO33" s="98"/>
      <c r="AP33" s="98"/>
      <c r="AQ33" s="98"/>
      <c r="AR33" s="98"/>
      <c r="AS33" s="98"/>
      <c r="AT33" s="98"/>
      <c r="AU33" s="98"/>
      <c r="AV33" s="98"/>
      <c r="AW33" s="98"/>
      <c r="AX33" s="98"/>
      <c r="AY33" s="98"/>
      <c r="AZ33" s="98"/>
      <c r="BA33" s="98"/>
      <c r="BB33" s="98"/>
      <c r="BC33" s="98"/>
      <c r="BD33" s="98"/>
      <c r="BE33" s="98"/>
      <c r="BF33" s="98"/>
      <c r="BG33" s="98"/>
      <c r="BH33" s="98"/>
      <c r="BI33" s="98"/>
      <c r="BJ33" s="98"/>
      <c r="BK33" s="98"/>
      <c r="BL33" s="98"/>
      <c r="BM33" s="98"/>
      <c r="BN33" s="98"/>
      <c r="BO33" s="97"/>
      <c r="BP33" s="98"/>
      <c r="BQ33" s="98"/>
      <c r="BR33" s="98"/>
      <c r="BS33" s="98"/>
      <c r="BT33" s="98"/>
      <c r="BU33" s="98"/>
      <c r="BV33" s="98"/>
      <c r="BW33" s="98"/>
      <c r="BX33" s="98"/>
      <c r="BY33" s="98"/>
      <c r="BZ33" s="98"/>
      <c r="CA33" s="98"/>
      <c r="CB33" s="98"/>
      <c r="CC33" s="98"/>
      <c r="CD33" s="98"/>
      <c r="CE33" s="98"/>
      <c r="CF33" s="98"/>
      <c r="CG33" s="98"/>
      <c r="CH33" s="98"/>
      <c r="CI33" s="100"/>
      <c r="CJ33" s="100"/>
      <c r="CK33" s="100"/>
      <c r="CL33" s="100"/>
      <c r="CM33" s="100"/>
      <c r="CN33" s="100"/>
      <c r="CO33" s="100"/>
      <c r="CP33" s="100"/>
      <c r="CQ33" s="100"/>
      <c r="CR33" s="101"/>
    </row>
    <row r="34" spans="1:96" ht="15.75" customHeight="1" x14ac:dyDescent="0.2">
      <c r="A34" s="10" t="s">
        <v>35</v>
      </c>
      <c r="B34" s="11"/>
      <c r="C34" s="11"/>
      <c r="D34" s="11"/>
      <c r="E34" s="14"/>
      <c r="F34" s="14"/>
      <c r="G34" s="14"/>
      <c r="H34" s="14"/>
      <c r="I34" s="14"/>
      <c r="J34" s="14"/>
      <c r="K34" s="14"/>
      <c r="L34" s="14"/>
      <c r="M34" s="14"/>
      <c r="N34" s="14"/>
      <c r="O34" s="14"/>
      <c r="P34" s="14"/>
      <c r="Q34" s="14"/>
      <c r="R34" s="14"/>
      <c r="S34" s="14"/>
      <c r="T34" s="14"/>
      <c r="U34" s="14"/>
      <c r="V34" s="14"/>
      <c r="W34" s="14"/>
      <c r="X34" s="14"/>
      <c r="Y34" s="14"/>
      <c r="Z34" s="14"/>
      <c r="AA34" s="14"/>
      <c r="AB34" s="14"/>
      <c r="AC34" s="14"/>
      <c r="AD34" s="14"/>
      <c r="AE34" s="14"/>
      <c r="AF34" s="14"/>
      <c r="AG34" s="14"/>
      <c r="AH34" s="14"/>
      <c r="AI34" s="14"/>
      <c r="AJ34" s="12"/>
      <c r="AK34" s="12"/>
      <c r="AL34" s="12"/>
      <c r="AM34" s="12"/>
      <c r="AN34" s="12"/>
      <c r="AO34" s="12"/>
      <c r="AP34" s="12"/>
      <c r="AQ34" s="12"/>
      <c r="AR34" s="12"/>
      <c r="AS34" s="12"/>
      <c r="AT34" s="12"/>
      <c r="AU34" s="12"/>
      <c r="AV34" s="12"/>
      <c r="AW34" s="12"/>
      <c r="AX34" s="12"/>
      <c r="AY34" s="12"/>
      <c r="AZ34" s="12"/>
      <c r="BA34" s="12"/>
      <c r="BB34" s="12"/>
      <c r="BC34" s="12"/>
      <c r="BD34" s="12"/>
      <c r="BE34" s="12"/>
      <c r="BF34" s="12"/>
      <c r="BG34" s="12"/>
      <c r="BH34" s="12"/>
      <c r="BI34" s="14"/>
      <c r="BJ34" s="14"/>
      <c r="BK34" s="14"/>
      <c r="BL34" s="14"/>
      <c r="BM34" s="14"/>
      <c r="BN34" s="14"/>
      <c r="BO34" s="48"/>
      <c r="BP34" s="49"/>
      <c r="BQ34" s="49"/>
      <c r="BR34" s="49"/>
      <c r="BS34" s="49"/>
      <c r="BT34" s="49"/>
      <c r="BU34" s="49"/>
      <c r="BV34" s="49"/>
      <c r="BW34" s="49"/>
      <c r="BX34" s="49"/>
      <c r="BY34" s="49"/>
      <c r="BZ34" s="49"/>
      <c r="CA34" s="49"/>
      <c r="CB34" s="49"/>
      <c r="CC34" s="49"/>
      <c r="CD34" s="49"/>
      <c r="CE34" s="49"/>
      <c r="CF34" s="49"/>
      <c r="CG34" s="49"/>
      <c r="CH34" s="49"/>
      <c r="CI34" s="17"/>
      <c r="CJ34" s="17"/>
      <c r="CK34" s="17"/>
      <c r="CL34" s="17"/>
      <c r="CM34" s="17"/>
      <c r="CN34" s="17"/>
      <c r="CO34" s="17"/>
      <c r="CP34" s="17"/>
      <c r="CQ34" s="17"/>
      <c r="CR34" s="18"/>
    </row>
    <row r="35" spans="1:96" ht="15.75" customHeight="1" x14ac:dyDescent="0.2">
      <c r="A35" s="50" t="s">
        <v>36</v>
      </c>
      <c r="B35" s="51" t="s">
        <v>37</v>
      </c>
      <c r="C35" s="84"/>
      <c r="D35" s="84"/>
      <c r="E35" s="22"/>
      <c r="F35" s="22"/>
      <c r="G35" s="22"/>
      <c r="H35" s="22"/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2"/>
      <c r="T35" s="22"/>
      <c r="U35" s="22"/>
      <c r="V35" s="22"/>
      <c r="W35" s="22"/>
      <c r="X35" s="22"/>
      <c r="Y35" s="22"/>
      <c r="Z35" s="22"/>
      <c r="AA35" s="22"/>
      <c r="AB35" s="22"/>
      <c r="AC35" s="22"/>
      <c r="AD35" s="22"/>
      <c r="AE35" s="22"/>
      <c r="AF35" s="22"/>
      <c r="AG35" s="22"/>
      <c r="AH35" s="22"/>
      <c r="AI35" s="22"/>
      <c r="AJ35" s="21"/>
      <c r="AK35" s="22"/>
      <c r="AL35" s="22"/>
      <c r="AM35" s="22"/>
      <c r="AN35" s="22"/>
      <c r="AO35" s="22"/>
      <c r="AP35" s="22"/>
      <c r="AQ35" s="22"/>
      <c r="AR35" s="22"/>
      <c r="AS35" s="22"/>
      <c r="AT35" s="22"/>
      <c r="AU35" s="22"/>
      <c r="AV35" s="22"/>
      <c r="AW35" s="22"/>
      <c r="AX35" s="22"/>
      <c r="AY35" s="22"/>
      <c r="AZ35" s="22"/>
      <c r="BA35" s="22"/>
      <c r="BB35" s="22"/>
      <c r="BC35" s="22"/>
      <c r="BD35" s="22"/>
      <c r="BE35" s="22"/>
      <c r="BF35" s="22"/>
      <c r="BG35" s="22"/>
      <c r="BH35" s="22"/>
      <c r="BI35" s="22"/>
      <c r="BJ35" s="22"/>
      <c r="BK35" s="22"/>
      <c r="BL35" s="22"/>
      <c r="BM35" s="22"/>
      <c r="BN35" s="22"/>
      <c r="BO35" s="21"/>
      <c r="BP35" s="22"/>
      <c r="BQ35" s="22"/>
      <c r="BR35" s="22"/>
      <c r="BS35" s="22"/>
      <c r="BT35" s="22"/>
      <c r="BU35" s="22"/>
      <c r="BV35" s="22"/>
      <c r="BW35" s="22"/>
      <c r="BX35" s="22"/>
      <c r="BY35" s="22"/>
      <c r="BZ35" s="22"/>
      <c r="CA35" s="22"/>
      <c r="CB35" s="22"/>
      <c r="CC35" s="22"/>
      <c r="CD35" s="22"/>
      <c r="CE35" s="22"/>
      <c r="CF35" s="22"/>
      <c r="CG35" s="22"/>
      <c r="CH35" s="22"/>
      <c r="CI35" s="52"/>
      <c r="CJ35" s="52"/>
      <c r="CK35" s="52"/>
      <c r="CL35" s="52"/>
      <c r="CM35" s="52"/>
      <c r="CN35" s="52"/>
      <c r="CO35" s="52"/>
      <c r="CP35" s="52"/>
      <c r="CQ35" s="52"/>
      <c r="CR35" s="53"/>
    </row>
    <row r="36" spans="1:96" ht="12" customHeight="1" x14ac:dyDescent="0.25">
      <c r="A36" s="145" t="s">
        <v>38</v>
      </c>
      <c r="B36" s="148" t="s">
        <v>39</v>
      </c>
      <c r="C36" s="140"/>
      <c r="D36" s="140"/>
      <c r="E36" s="25"/>
      <c r="F36" s="25"/>
      <c r="G36" s="25"/>
      <c r="H36" s="25"/>
      <c r="I36" s="25"/>
      <c r="J36" s="29"/>
      <c r="K36" s="29"/>
      <c r="L36" s="27"/>
      <c r="M36" s="27"/>
      <c r="N36" s="27"/>
      <c r="O36" s="27"/>
      <c r="P36" s="27"/>
      <c r="Q36" s="169"/>
      <c r="R36" s="100"/>
      <c r="S36" s="100"/>
      <c r="T36" s="100"/>
      <c r="U36" s="100"/>
      <c r="V36" s="100"/>
      <c r="W36" s="100"/>
      <c r="X36" s="100"/>
      <c r="Y36" s="100"/>
      <c r="Z36" s="100"/>
      <c r="AA36" s="100"/>
      <c r="AB36" s="100"/>
      <c r="AC36" s="100"/>
      <c r="AD36" s="100"/>
      <c r="AE36" s="100"/>
      <c r="AF36" s="100"/>
      <c r="AG36" s="100"/>
      <c r="AH36" s="100"/>
      <c r="AI36" s="112"/>
      <c r="AJ36" s="30"/>
      <c r="AK36" s="27"/>
      <c r="AL36" s="27"/>
      <c r="AM36" s="27"/>
      <c r="AN36" s="27"/>
      <c r="AO36" s="27"/>
      <c r="AP36" s="27"/>
      <c r="AQ36" s="27"/>
      <c r="AR36" s="27"/>
      <c r="AS36" s="27"/>
      <c r="AT36" s="27"/>
      <c r="AU36" s="27"/>
      <c r="AV36" s="27"/>
      <c r="AW36" s="27"/>
      <c r="AX36" s="27"/>
      <c r="AY36" s="27"/>
      <c r="AZ36" s="27"/>
      <c r="BA36" s="27"/>
      <c r="BB36" s="27"/>
      <c r="BC36" s="27"/>
      <c r="BD36" s="27"/>
      <c r="BE36" s="27"/>
      <c r="BF36" s="27"/>
      <c r="BG36" s="27"/>
      <c r="BH36" s="27"/>
      <c r="BI36" s="29"/>
      <c r="BJ36" s="29"/>
      <c r="BK36" s="29"/>
      <c r="BL36" s="29"/>
      <c r="BM36" s="29"/>
      <c r="BN36" s="29"/>
      <c r="BO36" s="136"/>
      <c r="BP36" s="100"/>
      <c r="BQ36" s="100"/>
      <c r="BR36" s="100"/>
      <c r="BS36" s="100"/>
      <c r="BT36" s="100"/>
      <c r="BU36" s="100"/>
      <c r="BV36" s="100"/>
      <c r="BW36" s="100"/>
      <c r="BX36" s="100"/>
      <c r="BY36" s="100"/>
      <c r="BZ36" s="100"/>
      <c r="CA36" s="100"/>
      <c r="CB36" s="100"/>
      <c r="CC36" s="100"/>
      <c r="CD36" s="100"/>
      <c r="CE36" s="100"/>
      <c r="CF36" s="100"/>
      <c r="CG36" s="100"/>
      <c r="CH36" s="100"/>
      <c r="CI36" s="100"/>
      <c r="CJ36" s="100"/>
      <c r="CK36" s="100"/>
      <c r="CL36" s="100"/>
      <c r="CM36" s="100"/>
      <c r="CN36" s="100"/>
      <c r="CO36" s="100"/>
      <c r="CP36" s="100"/>
      <c r="CQ36" s="100"/>
      <c r="CR36" s="101"/>
    </row>
    <row r="37" spans="1:96" ht="12" customHeight="1" x14ac:dyDescent="0.25">
      <c r="A37" s="154"/>
      <c r="B37" s="156"/>
      <c r="C37" s="141"/>
      <c r="D37" s="141"/>
      <c r="E37" s="121">
        <v>1</v>
      </c>
      <c r="F37" s="122"/>
      <c r="G37" s="122"/>
      <c r="H37" s="122"/>
      <c r="I37" s="122"/>
      <c r="J37" s="122"/>
      <c r="K37" s="122"/>
      <c r="L37" s="122"/>
      <c r="M37" s="122"/>
      <c r="N37" s="122"/>
      <c r="O37" s="122"/>
      <c r="P37" s="122"/>
      <c r="Q37" s="122"/>
      <c r="R37" s="122"/>
      <c r="S37" s="122"/>
      <c r="T37" s="122"/>
      <c r="U37" s="122"/>
      <c r="V37" s="122"/>
      <c r="W37" s="122"/>
      <c r="X37" s="122"/>
      <c r="Y37" s="122"/>
      <c r="Z37" s="122"/>
      <c r="AA37" s="122"/>
      <c r="AB37" s="122"/>
      <c r="AC37" s="122"/>
      <c r="AD37" s="122"/>
      <c r="AE37" s="122"/>
      <c r="AF37" s="122"/>
      <c r="AG37" s="122"/>
      <c r="AH37" s="122"/>
      <c r="AI37" s="123"/>
      <c r="AJ37" s="118"/>
      <c r="AK37" s="119"/>
      <c r="AL37" s="119"/>
      <c r="AM37" s="119"/>
      <c r="AN37" s="119"/>
      <c r="AO37" s="119"/>
      <c r="AP37" s="119"/>
      <c r="AQ37" s="119"/>
      <c r="AR37" s="119"/>
      <c r="AS37" s="119"/>
      <c r="AT37" s="119"/>
      <c r="AU37" s="119"/>
      <c r="AV37" s="119"/>
      <c r="AW37" s="119"/>
      <c r="AX37" s="119"/>
      <c r="AY37" s="119"/>
      <c r="AZ37" s="119"/>
      <c r="BA37" s="119"/>
      <c r="BB37" s="119"/>
      <c r="BC37" s="119"/>
      <c r="BD37" s="119"/>
      <c r="BE37" s="119"/>
      <c r="BF37" s="119"/>
      <c r="BG37" s="119"/>
      <c r="BH37" s="119"/>
      <c r="BI37" s="119"/>
      <c r="BJ37" s="119"/>
      <c r="BK37" s="119"/>
      <c r="BL37" s="119"/>
      <c r="BM37" s="119"/>
      <c r="BN37" s="119"/>
      <c r="BO37" s="118"/>
      <c r="BP37" s="119"/>
      <c r="BQ37" s="119"/>
      <c r="BR37" s="119"/>
      <c r="BS37" s="119"/>
      <c r="BT37" s="119"/>
      <c r="BU37" s="119"/>
      <c r="BV37" s="119"/>
      <c r="BW37" s="119"/>
      <c r="BX37" s="119"/>
      <c r="BY37" s="119"/>
      <c r="BZ37" s="119"/>
      <c r="CA37" s="119"/>
      <c r="CB37" s="119"/>
      <c r="CC37" s="119"/>
      <c r="CD37" s="119"/>
      <c r="CE37" s="119"/>
      <c r="CF37" s="119"/>
      <c r="CG37" s="119"/>
      <c r="CH37" s="119"/>
      <c r="CI37" s="100"/>
      <c r="CJ37" s="100"/>
      <c r="CK37" s="100"/>
      <c r="CL37" s="100"/>
      <c r="CM37" s="100"/>
      <c r="CN37" s="100"/>
      <c r="CO37" s="100"/>
      <c r="CP37" s="100"/>
      <c r="CQ37" s="100"/>
      <c r="CR37" s="101"/>
    </row>
    <row r="38" spans="1:96" ht="12" customHeight="1" x14ac:dyDescent="0.25">
      <c r="A38" s="155"/>
      <c r="B38" s="157"/>
      <c r="C38" s="142"/>
      <c r="D38" s="142"/>
      <c r="E38" s="97"/>
      <c r="F38" s="98"/>
      <c r="G38" s="98"/>
      <c r="H38" s="98"/>
      <c r="I38" s="98"/>
      <c r="J38" s="98"/>
      <c r="K38" s="98"/>
      <c r="L38" s="98"/>
      <c r="M38" s="98"/>
      <c r="N38" s="98"/>
      <c r="O38" s="98"/>
      <c r="P38" s="98"/>
      <c r="Q38" s="98"/>
      <c r="R38" s="98"/>
      <c r="S38" s="98"/>
      <c r="T38" s="98"/>
      <c r="U38" s="98"/>
      <c r="V38" s="98"/>
      <c r="W38" s="98"/>
      <c r="X38" s="98"/>
      <c r="Y38" s="98"/>
      <c r="Z38" s="98"/>
      <c r="AA38" s="98"/>
      <c r="AB38" s="98"/>
      <c r="AC38" s="98"/>
      <c r="AD38" s="98"/>
      <c r="AE38" s="98"/>
      <c r="AF38" s="98"/>
      <c r="AG38" s="98"/>
      <c r="AH38" s="98"/>
      <c r="AI38" s="99"/>
      <c r="AJ38" s="97"/>
      <c r="AK38" s="98"/>
      <c r="AL38" s="98"/>
      <c r="AM38" s="98"/>
      <c r="AN38" s="98"/>
      <c r="AO38" s="98"/>
      <c r="AP38" s="98"/>
      <c r="AQ38" s="98"/>
      <c r="AR38" s="98"/>
      <c r="AS38" s="98"/>
      <c r="AT38" s="98"/>
      <c r="AU38" s="98"/>
      <c r="AV38" s="98"/>
      <c r="AW38" s="98"/>
      <c r="AX38" s="98"/>
      <c r="AY38" s="98"/>
      <c r="AZ38" s="98"/>
      <c r="BA38" s="98"/>
      <c r="BB38" s="98"/>
      <c r="BC38" s="98"/>
      <c r="BD38" s="98"/>
      <c r="BE38" s="98"/>
      <c r="BF38" s="98"/>
      <c r="BG38" s="98"/>
      <c r="BH38" s="98"/>
      <c r="BI38" s="98"/>
      <c r="BJ38" s="98"/>
      <c r="BK38" s="98"/>
      <c r="BL38" s="98"/>
      <c r="BM38" s="98"/>
      <c r="BN38" s="98"/>
      <c r="BO38" s="97"/>
      <c r="BP38" s="98"/>
      <c r="BQ38" s="98"/>
      <c r="BR38" s="98"/>
      <c r="BS38" s="98"/>
      <c r="BT38" s="98"/>
      <c r="BU38" s="98"/>
      <c r="BV38" s="98"/>
      <c r="BW38" s="98"/>
      <c r="BX38" s="98"/>
      <c r="BY38" s="98"/>
      <c r="BZ38" s="98"/>
      <c r="CA38" s="98"/>
      <c r="CB38" s="98"/>
      <c r="CC38" s="98"/>
      <c r="CD38" s="98"/>
      <c r="CE38" s="98"/>
      <c r="CF38" s="98"/>
      <c r="CG38" s="98"/>
      <c r="CH38" s="98"/>
      <c r="CI38" s="100"/>
      <c r="CJ38" s="100"/>
      <c r="CK38" s="100"/>
      <c r="CL38" s="100"/>
      <c r="CM38" s="100"/>
      <c r="CN38" s="100"/>
      <c r="CO38" s="100"/>
      <c r="CP38" s="100"/>
      <c r="CQ38" s="100"/>
      <c r="CR38" s="101"/>
    </row>
    <row r="39" spans="1:96" ht="12" customHeight="1" x14ac:dyDescent="0.25">
      <c r="A39" s="145" t="s">
        <v>40</v>
      </c>
      <c r="B39" s="162" t="s">
        <v>41</v>
      </c>
      <c r="C39" s="140"/>
      <c r="D39" s="140"/>
      <c r="E39" s="29"/>
      <c r="F39" s="29"/>
      <c r="G39" s="29"/>
      <c r="H39" s="29"/>
      <c r="I39" s="29"/>
      <c r="J39" s="29"/>
      <c r="K39" s="29"/>
      <c r="L39" s="29"/>
      <c r="M39" s="29"/>
      <c r="N39" s="29"/>
      <c r="O39" s="29"/>
      <c r="P39" s="29"/>
      <c r="Q39" s="29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29"/>
      <c r="AI39" s="29"/>
      <c r="AJ39" s="30"/>
      <c r="AK39" s="27"/>
      <c r="AL39" s="27"/>
      <c r="AM39" s="27"/>
      <c r="AN39" s="27"/>
      <c r="AO39" s="27"/>
      <c r="AP39" s="27"/>
      <c r="AQ39" s="27"/>
      <c r="AR39" s="27"/>
      <c r="AS39" s="27"/>
      <c r="AT39" s="27"/>
      <c r="AU39" s="27"/>
      <c r="AV39" s="27"/>
      <c r="AW39" s="27"/>
      <c r="AX39" s="27"/>
      <c r="AY39" s="27"/>
      <c r="AZ39" s="27"/>
      <c r="BA39" s="27"/>
      <c r="BB39" s="27"/>
      <c r="BC39" s="27"/>
      <c r="BD39" s="27"/>
      <c r="BE39" s="27"/>
      <c r="BF39" s="27"/>
      <c r="BG39" s="27"/>
      <c r="BH39" s="27"/>
      <c r="BI39" s="29"/>
      <c r="BJ39" s="29"/>
      <c r="BK39" s="29"/>
      <c r="BL39" s="29"/>
      <c r="BM39" s="29"/>
      <c r="BN39" s="29"/>
      <c r="BO39" s="54"/>
      <c r="BP39" s="37"/>
      <c r="BQ39" s="37"/>
      <c r="BR39" s="37"/>
      <c r="BS39" s="37"/>
      <c r="BT39" s="36"/>
      <c r="BU39" s="36"/>
      <c r="BV39" s="36"/>
      <c r="BW39" s="36"/>
      <c r="BX39" s="36"/>
      <c r="BY39" s="36"/>
      <c r="BZ39" s="36"/>
      <c r="CA39" s="36"/>
      <c r="CB39" s="36"/>
      <c r="CC39" s="36"/>
      <c r="CD39" s="36"/>
      <c r="CE39" s="36"/>
      <c r="CF39" s="36"/>
      <c r="CG39" s="36"/>
      <c r="CH39" s="36"/>
      <c r="CI39" s="36"/>
      <c r="CJ39" s="36"/>
      <c r="CK39" s="36"/>
      <c r="CL39" s="36"/>
      <c r="CM39" s="36"/>
      <c r="CN39" s="36"/>
      <c r="CO39" s="36"/>
      <c r="CP39" s="36"/>
      <c r="CQ39" s="36"/>
      <c r="CR39" s="55"/>
    </row>
    <row r="40" spans="1:96" ht="12" customHeight="1" x14ac:dyDescent="0.25">
      <c r="A40" s="154"/>
      <c r="B40" s="163"/>
      <c r="C40" s="141"/>
      <c r="D40" s="141"/>
      <c r="E40" s="118"/>
      <c r="F40" s="119"/>
      <c r="G40" s="119"/>
      <c r="H40" s="119"/>
      <c r="I40" s="119"/>
      <c r="J40" s="119"/>
      <c r="K40" s="119"/>
      <c r="L40" s="119"/>
      <c r="M40" s="119"/>
      <c r="N40" s="119"/>
      <c r="O40" s="119"/>
      <c r="P40" s="119"/>
      <c r="Q40" s="119"/>
      <c r="R40" s="119"/>
      <c r="S40" s="119"/>
      <c r="T40" s="119"/>
      <c r="U40" s="119"/>
      <c r="V40" s="119"/>
      <c r="W40" s="119"/>
      <c r="X40" s="119"/>
      <c r="Y40" s="119"/>
      <c r="Z40" s="119"/>
      <c r="AA40" s="119"/>
      <c r="AB40" s="119"/>
      <c r="AC40" s="119"/>
      <c r="AD40" s="119"/>
      <c r="AE40" s="119"/>
      <c r="AF40" s="119"/>
      <c r="AG40" s="119"/>
      <c r="AH40" s="119"/>
      <c r="AI40" s="120"/>
      <c r="AJ40" s="118"/>
      <c r="AK40" s="119"/>
      <c r="AL40" s="119"/>
      <c r="AM40" s="119"/>
      <c r="AN40" s="119"/>
      <c r="AO40" s="119"/>
      <c r="AP40" s="119"/>
      <c r="AQ40" s="119"/>
      <c r="AR40" s="119"/>
      <c r="AS40" s="119"/>
      <c r="AT40" s="119"/>
      <c r="AU40" s="119"/>
      <c r="AV40" s="119"/>
      <c r="AW40" s="119"/>
      <c r="AX40" s="119"/>
      <c r="AY40" s="119"/>
      <c r="AZ40" s="119"/>
      <c r="BA40" s="119"/>
      <c r="BB40" s="119"/>
      <c r="BC40" s="119"/>
      <c r="BD40" s="119"/>
      <c r="BE40" s="119"/>
      <c r="BF40" s="119"/>
      <c r="BG40" s="119"/>
      <c r="BH40" s="119"/>
      <c r="BI40" s="119"/>
      <c r="BJ40" s="119"/>
      <c r="BK40" s="119"/>
      <c r="BL40" s="119"/>
      <c r="BM40" s="119"/>
      <c r="BN40" s="119"/>
      <c r="BO40" s="121">
        <v>1</v>
      </c>
      <c r="BP40" s="122"/>
      <c r="BQ40" s="122"/>
      <c r="BR40" s="122"/>
      <c r="BS40" s="122"/>
      <c r="BT40" s="122"/>
      <c r="BU40" s="122"/>
      <c r="BV40" s="122"/>
      <c r="BW40" s="122"/>
      <c r="BX40" s="122"/>
      <c r="BY40" s="122"/>
      <c r="BZ40" s="122"/>
      <c r="CA40" s="122"/>
      <c r="CB40" s="122"/>
      <c r="CC40" s="122"/>
      <c r="CD40" s="122"/>
      <c r="CE40" s="122"/>
      <c r="CF40" s="122"/>
      <c r="CG40" s="122"/>
      <c r="CH40" s="122"/>
      <c r="CI40" s="129"/>
      <c r="CJ40" s="129"/>
      <c r="CK40" s="129"/>
      <c r="CL40" s="129"/>
      <c r="CM40" s="129"/>
      <c r="CN40" s="129"/>
      <c r="CO40" s="129"/>
      <c r="CP40" s="129"/>
      <c r="CQ40" s="129"/>
      <c r="CR40" s="130"/>
    </row>
    <row r="41" spans="1:96" ht="12" customHeight="1" x14ac:dyDescent="0.25">
      <c r="A41" s="155"/>
      <c r="B41" s="164"/>
      <c r="C41" s="142"/>
      <c r="D41" s="142"/>
      <c r="E41" s="97"/>
      <c r="F41" s="98"/>
      <c r="G41" s="98"/>
      <c r="H41" s="98"/>
      <c r="I41" s="98"/>
      <c r="J41" s="98"/>
      <c r="K41" s="98"/>
      <c r="L41" s="98"/>
      <c r="M41" s="98"/>
      <c r="N41" s="98"/>
      <c r="O41" s="98"/>
      <c r="P41" s="98"/>
      <c r="Q41" s="98"/>
      <c r="R41" s="98"/>
      <c r="S41" s="98"/>
      <c r="T41" s="98"/>
      <c r="U41" s="98"/>
      <c r="V41" s="98"/>
      <c r="W41" s="98"/>
      <c r="X41" s="98"/>
      <c r="Y41" s="98"/>
      <c r="Z41" s="98"/>
      <c r="AA41" s="98"/>
      <c r="AB41" s="98"/>
      <c r="AC41" s="98"/>
      <c r="AD41" s="98"/>
      <c r="AE41" s="98"/>
      <c r="AF41" s="98"/>
      <c r="AG41" s="98"/>
      <c r="AH41" s="98"/>
      <c r="AI41" s="99"/>
      <c r="AJ41" s="97"/>
      <c r="AK41" s="98"/>
      <c r="AL41" s="98"/>
      <c r="AM41" s="98"/>
      <c r="AN41" s="98"/>
      <c r="AO41" s="98"/>
      <c r="AP41" s="98"/>
      <c r="AQ41" s="98"/>
      <c r="AR41" s="98"/>
      <c r="AS41" s="98"/>
      <c r="AT41" s="98"/>
      <c r="AU41" s="98"/>
      <c r="AV41" s="98"/>
      <c r="AW41" s="98"/>
      <c r="AX41" s="98"/>
      <c r="AY41" s="98"/>
      <c r="AZ41" s="98"/>
      <c r="BA41" s="98"/>
      <c r="BB41" s="98"/>
      <c r="BC41" s="98"/>
      <c r="BD41" s="98"/>
      <c r="BE41" s="98"/>
      <c r="BF41" s="98"/>
      <c r="BG41" s="98"/>
      <c r="BH41" s="98"/>
      <c r="BI41" s="98"/>
      <c r="BJ41" s="98"/>
      <c r="BK41" s="98"/>
      <c r="BL41" s="98"/>
      <c r="BM41" s="98"/>
      <c r="BN41" s="98"/>
      <c r="BO41" s="97"/>
      <c r="BP41" s="98"/>
      <c r="BQ41" s="98"/>
      <c r="BR41" s="98"/>
      <c r="BS41" s="98"/>
      <c r="BT41" s="98"/>
      <c r="BU41" s="98"/>
      <c r="BV41" s="98"/>
      <c r="BW41" s="98"/>
      <c r="BX41" s="98"/>
      <c r="BY41" s="98"/>
      <c r="BZ41" s="98"/>
      <c r="CA41" s="98"/>
      <c r="CB41" s="98"/>
      <c r="CC41" s="98"/>
      <c r="CD41" s="98"/>
      <c r="CE41" s="98"/>
      <c r="CF41" s="98"/>
      <c r="CG41" s="98"/>
      <c r="CH41" s="98"/>
      <c r="CI41" s="100"/>
      <c r="CJ41" s="100"/>
      <c r="CK41" s="100"/>
      <c r="CL41" s="100"/>
      <c r="CM41" s="100"/>
      <c r="CN41" s="100"/>
      <c r="CO41" s="100"/>
      <c r="CP41" s="100"/>
      <c r="CQ41" s="100"/>
      <c r="CR41" s="101"/>
    </row>
    <row r="42" spans="1:96" ht="12" customHeight="1" x14ac:dyDescent="0.25">
      <c r="A42" s="145" t="s">
        <v>42</v>
      </c>
      <c r="B42" s="148" t="s">
        <v>43</v>
      </c>
      <c r="C42" s="140"/>
      <c r="D42" s="140"/>
      <c r="E42" s="56"/>
      <c r="F42" s="25"/>
      <c r="G42" s="25"/>
      <c r="H42" s="25"/>
      <c r="I42" s="25"/>
      <c r="J42" s="25"/>
      <c r="K42" s="25"/>
      <c r="L42" s="37"/>
      <c r="M42" s="25"/>
      <c r="N42" s="25"/>
      <c r="O42" s="25"/>
      <c r="P42" s="25"/>
      <c r="Q42" s="25"/>
      <c r="R42" s="25"/>
      <c r="S42" s="25"/>
      <c r="T42" s="25"/>
      <c r="U42" s="25"/>
      <c r="V42" s="25"/>
      <c r="W42" s="25"/>
      <c r="X42" s="25"/>
      <c r="Y42" s="25"/>
      <c r="Z42" s="25"/>
      <c r="AA42" s="135"/>
      <c r="AB42" s="135"/>
      <c r="AC42" s="135"/>
      <c r="AD42" s="135"/>
      <c r="AE42" s="135"/>
      <c r="AF42" s="135"/>
      <c r="AG42" s="135"/>
      <c r="AH42" s="135"/>
      <c r="AI42" s="161"/>
      <c r="AJ42" s="30"/>
      <c r="AK42" s="27"/>
      <c r="AL42" s="27"/>
      <c r="AM42" s="27"/>
      <c r="AN42" s="27"/>
      <c r="AO42" s="27"/>
      <c r="AP42" s="27"/>
      <c r="AQ42" s="27"/>
      <c r="AR42" s="27"/>
      <c r="AS42" s="27"/>
      <c r="AT42" s="27"/>
      <c r="AU42" s="27"/>
      <c r="AV42" s="27"/>
      <c r="AW42" s="27"/>
      <c r="AX42" s="27"/>
      <c r="AY42" s="27"/>
      <c r="AZ42" s="27"/>
      <c r="BA42" s="27"/>
      <c r="BB42" s="27"/>
      <c r="BC42" s="27"/>
      <c r="BD42" s="27"/>
      <c r="BE42" s="27"/>
      <c r="BF42" s="27"/>
      <c r="BG42" s="27"/>
      <c r="BH42" s="27"/>
      <c r="BI42" s="29"/>
      <c r="BJ42" s="29"/>
      <c r="BK42" s="29"/>
      <c r="BL42" s="29"/>
      <c r="BM42" s="29"/>
      <c r="BN42" s="29"/>
      <c r="BO42" s="136"/>
      <c r="BP42" s="100"/>
      <c r="BQ42" s="100"/>
      <c r="BR42" s="100"/>
      <c r="BS42" s="100"/>
      <c r="BT42" s="100"/>
      <c r="BU42" s="100"/>
      <c r="BV42" s="100"/>
      <c r="BW42" s="100"/>
      <c r="BX42" s="100"/>
      <c r="BY42" s="100"/>
      <c r="BZ42" s="100"/>
      <c r="CA42" s="100"/>
      <c r="CB42" s="100"/>
      <c r="CC42" s="100"/>
      <c r="CD42" s="100"/>
      <c r="CE42" s="100"/>
      <c r="CF42" s="100"/>
      <c r="CG42" s="100"/>
      <c r="CH42" s="100"/>
      <c r="CI42" s="100"/>
      <c r="CJ42" s="100"/>
      <c r="CK42" s="100"/>
      <c r="CL42" s="100"/>
      <c r="CM42" s="100"/>
      <c r="CN42" s="100"/>
      <c r="CO42" s="100"/>
      <c r="CP42" s="100"/>
      <c r="CQ42" s="100"/>
      <c r="CR42" s="101"/>
    </row>
    <row r="43" spans="1:96" ht="12" customHeight="1" x14ac:dyDescent="0.25">
      <c r="A43" s="154"/>
      <c r="B43" s="156"/>
      <c r="C43" s="141"/>
      <c r="D43" s="141"/>
      <c r="E43" s="121">
        <v>1</v>
      </c>
      <c r="F43" s="122"/>
      <c r="G43" s="122"/>
      <c r="H43" s="122"/>
      <c r="I43" s="122"/>
      <c r="J43" s="122"/>
      <c r="K43" s="122"/>
      <c r="L43" s="122"/>
      <c r="M43" s="122"/>
      <c r="N43" s="122"/>
      <c r="O43" s="122"/>
      <c r="P43" s="122"/>
      <c r="Q43" s="122"/>
      <c r="R43" s="122"/>
      <c r="S43" s="122"/>
      <c r="T43" s="122"/>
      <c r="U43" s="122"/>
      <c r="V43" s="122"/>
      <c r="W43" s="122"/>
      <c r="X43" s="122"/>
      <c r="Y43" s="122"/>
      <c r="Z43" s="122"/>
      <c r="AA43" s="122"/>
      <c r="AB43" s="122"/>
      <c r="AC43" s="122"/>
      <c r="AD43" s="122"/>
      <c r="AE43" s="122"/>
      <c r="AF43" s="122"/>
      <c r="AG43" s="122"/>
      <c r="AH43" s="122"/>
      <c r="AI43" s="123"/>
      <c r="AJ43" s="118"/>
      <c r="AK43" s="119"/>
      <c r="AL43" s="119"/>
      <c r="AM43" s="119"/>
      <c r="AN43" s="119"/>
      <c r="AO43" s="119"/>
      <c r="AP43" s="119"/>
      <c r="AQ43" s="119"/>
      <c r="AR43" s="119"/>
      <c r="AS43" s="119"/>
      <c r="AT43" s="119"/>
      <c r="AU43" s="119"/>
      <c r="AV43" s="119"/>
      <c r="AW43" s="119"/>
      <c r="AX43" s="119"/>
      <c r="AY43" s="119"/>
      <c r="AZ43" s="119"/>
      <c r="BA43" s="119"/>
      <c r="BB43" s="119"/>
      <c r="BC43" s="119"/>
      <c r="BD43" s="119"/>
      <c r="BE43" s="119"/>
      <c r="BF43" s="119"/>
      <c r="BG43" s="119"/>
      <c r="BH43" s="119"/>
      <c r="BI43" s="119"/>
      <c r="BJ43" s="119"/>
      <c r="BK43" s="119"/>
      <c r="BL43" s="119"/>
      <c r="BM43" s="119"/>
      <c r="BN43" s="119"/>
      <c r="BO43" s="118"/>
      <c r="BP43" s="119"/>
      <c r="BQ43" s="119"/>
      <c r="BR43" s="119"/>
      <c r="BS43" s="119"/>
      <c r="BT43" s="119"/>
      <c r="BU43" s="119"/>
      <c r="BV43" s="119"/>
      <c r="BW43" s="119"/>
      <c r="BX43" s="119"/>
      <c r="BY43" s="119"/>
      <c r="BZ43" s="119"/>
      <c r="CA43" s="119"/>
      <c r="CB43" s="119"/>
      <c r="CC43" s="119"/>
      <c r="CD43" s="119"/>
      <c r="CE43" s="119"/>
      <c r="CF43" s="119"/>
      <c r="CG43" s="119"/>
      <c r="CH43" s="119"/>
      <c r="CI43" s="100"/>
      <c r="CJ43" s="100"/>
      <c r="CK43" s="100"/>
      <c r="CL43" s="100"/>
      <c r="CM43" s="100"/>
      <c r="CN43" s="100"/>
      <c r="CO43" s="100"/>
      <c r="CP43" s="100"/>
      <c r="CQ43" s="100"/>
      <c r="CR43" s="101"/>
    </row>
    <row r="44" spans="1:96" ht="12" customHeight="1" x14ac:dyDescent="0.25">
      <c r="A44" s="155"/>
      <c r="B44" s="157"/>
      <c r="C44" s="142"/>
      <c r="D44" s="142"/>
      <c r="E44" s="97"/>
      <c r="F44" s="98"/>
      <c r="G44" s="98"/>
      <c r="H44" s="98"/>
      <c r="I44" s="98"/>
      <c r="J44" s="98"/>
      <c r="K44" s="98"/>
      <c r="L44" s="98"/>
      <c r="M44" s="98"/>
      <c r="N44" s="98"/>
      <c r="O44" s="98"/>
      <c r="P44" s="98"/>
      <c r="Q44" s="98"/>
      <c r="R44" s="98"/>
      <c r="S44" s="98"/>
      <c r="T44" s="98"/>
      <c r="U44" s="98"/>
      <c r="V44" s="98"/>
      <c r="W44" s="98"/>
      <c r="X44" s="98"/>
      <c r="Y44" s="98"/>
      <c r="Z44" s="98"/>
      <c r="AA44" s="98"/>
      <c r="AB44" s="98"/>
      <c r="AC44" s="98"/>
      <c r="AD44" s="98"/>
      <c r="AE44" s="98"/>
      <c r="AF44" s="98"/>
      <c r="AG44" s="98"/>
      <c r="AH44" s="98"/>
      <c r="AI44" s="99"/>
      <c r="AJ44" s="97"/>
      <c r="AK44" s="98"/>
      <c r="AL44" s="98"/>
      <c r="AM44" s="98"/>
      <c r="AN44" s="98"/>
      <c r="AO44" s="98"/>
      <c r="AP44" s="98"/>
      <c r="AQ44" s="98"/>
      <c r="AR44" s="98"/>
      <c r="AS44" s="98"/>
      <c r="AT44" s="98"/>
      <c r="AU44" s="98"/>
      <c r="AV44" s="98"/>
      <c r="AW44" s="98"/>
      <c r="AX44" s="98"/>
      <c r="AY44" s="98"/>
      <c r="AZ44" s="98"/>
      <c r="BA44" s="98"/>
      <c r="BB44" s="98"/>
      <c r="BC44" s="98"/>
      <c r="BD44" s="98"/>
      <c r="BE44" s="98"/>
      <c r="BF44" s="98"/>
      <c r="BG44" s="98"/>
      <c r="BH44" s="98"/>
      <c r="BI44" s="98"/>
      <c r="BJ44" s="98"/>
      <c r="BK44" s="98"/>
      <c r="BL44" s="98"/>
      <c r="BM44" s="98"/>
      <c r="BN44" s="98"/>
      <c r="BO44" s="97"/>
      <c r="BP44" s="98"/>
      <c r="BQ44" s="98"/>
      <c r="BR44" s="98"/>
      <c r="BS44" s="98"/>
      <c r="BT44" s="98"/>
      <c r="BU44" s="98"/>
      <c r="BV44" s="98"/>
      <c r="BW44" s="98"/>
      <c r="BX44" s="98"/>
      <c r="BY44" s="98"/>
      <c r="BZ44" s="98"/>
      <c r="CA44" s="98"/>
      <c r="CB44" s="98"/>
      <c r="CC44" s="98"/>
      <c r="CD44" s="98"/>
      <c r="CE44" s="98"/>
      <c r="CF44" s="98"/>
      <c r="CG44" s="98"/>
      <c r="CH44" s="98"/>
      <c r="CI44" s="100"/>
      <c r="CJ44" s="100"/>
      <c r="CK44" s="100"/>
      <c r="CL44" s="100"/>
      <c r="CM44" s="100"/>
      <c r="CN44" s="100"/>
      <c r="CO44" s="100"/>
      <c r="CP44" s="100"/>
      <c r="CQ44" s="100"/>
      <c r="CR44" s="4"/>
    </row>
    <row r="45" spans="1:96" ht="12" customHeight="1" x14ac:dyDescent="0.25">
      <c r="A45" s="145" t="s">
        <v>44</v>
      </c>
      <c r="B45" s="148" t="s">
        <v>45</v>
      </c>
      <c r="C45" s="140"/>
      <c r="D45" s="140"/>
      <c r="E45" s="159"/>
      <c r="F45" s="100"/>
      <c r="G45" s="100"/>
      <c r="H45" s="100"/>
      <c r="I45" s="100"/>
      <c r="J45" s="100"/>
      <c r="K45" s="100"/>
      <c r="L45" s="100"/>
      <c r="M45" s="100"/>
      <c r="N45" s="100"/>
      <c r="O45" s="25"/>
      <c r="P45" s="25"/>
      <c r="Q45" s="25"/>
      <c r="R45" s="25"/>
      <c r="S45" s="25"/>
      <c r="T45" s="25"/>
      <c r="U45" s="25"/>
      <c r="V45" s="25"/>
      <c r="W45" s="25"/>
      <c r="X45" s="25"/>
      <c r="Y45" s="25"/>
      <c r="Z45" s="25"/>
      <c r="AA45" s="160"/>
      <c r="AB45" s="135"/>
      <c r="AC45" s="135"/>
      <c r="AD45" s="135"/>
      <c r="AE45" s="135"/>
      <c r="AF45" s="135"/>
      <c r="AG45" s="135"/>
      <c r="AH45" s="135"/>
      <c r="AI45" s="161"/>
      <c r="AJ45" s="30"/>
      <c r="AK45" s="27"/>
      <c r="AL45" s="27"/>
      <c r="AM45" s="27"/>
      <c r="AN45" s="27"/>
      <c r="AO45" s="27"/>
      <c r="AP45" s="27"/>
      <c r="AQ45" s="27"/>
      <c r="AR45" s="27"/>
      <c r="AS45" s="27"/>
      <c r="AT45" s="27"/>
      <c r="AU45" s="27"/>
      <c r="AV45" s="27"/>
      <c r="AW45" s="27"/>
      <c r="AX45" s="27"/>
      <c r="AY45" s="27"/>
      <c r="AZ45" s="27"/>
      <c r="BA45" s="27"/>
      <c r="BB45" s="27"/>
      <c r="BC45" s="27"/>
      <c r="BD45" s="27"/>
      <c r="BE45" s="27"/>
      <c r="BF45" s="27"/>
      <c r="BG45" s="27"/>
      <c r="BH45" s="27"/>
      <c r="BI45" s="29"/>
      <c r="BJ45" s="29"/>
      <c r="BK45" s="29"/>
      <c r="BL45" s="29"/>
      <c r="BM45" s="29"/>
      <c r="BN45" s="29"/>
      <c r="BO45" s="136"/>
      <c r="BP45" s="100"/>
      <c r="BQ45" s="100"/>
      <c r="BR45" s="100"/>
      <c r="BS45" s="100"/>
      <c r="BT45" s="100"/>
      <c r="BU45" s="100"/>
      <c r="BV45" s="100"/>
      <c r="BW45" s="100"/>
      <c r="BX45" s="100"/>
      <c r="BY45" s="100"/>
      <c r="BZ45" s="100"/>
      <c r="CA45" s="100"/>
      <c r="CB45" s="100"/>
      <c r="CC45" s="100"/>
      <c r="CD45" s="100"/>
      <c r="CE45" s="100"/>
      <c r="CF45" s="100"/>
      <c r="CG45" s="100"/>
      <c r="CH45" s="100"/>
      <c r="CI45" s="100"/>
      <c r="CJ45" s="100"/>
      <c r="CK45" s="100"/>
      <c r="CL45" s="100"/>
      <c r="CM45" s="100"/>
      <c r="CN45" s="100"/>
      <c r="CO45" s="100"/>
      <c r="CP45" s="100"/>
      <c r="CQ45" s="100"/>
      <c r="CR45" s="101"/>
    </row>
    <row r="46" spans="1:96" ht="12" customHeight="1" x14ac:dyDescent="0.25">
      <c r="A46" s="154"/>
      <c r="B46" s="156"/>
      <c r="C46" s="141"/>
      <c r="D46" s="141"/>
      <c r="E46" s="121">
        <v>1</v>
      </c>
      <c r="F46" s="122"/>
      <c r="G46" s="122"/>
      <c r="H46" s="122"/>
      <c r="I46" s="122"/>
      <c r="J46" s="122"/>
      <c r="K46" s="122"/>
      <c r="L46" s="122"/>
      <c r="M46" s="122"/>
      <c r="N46" s="122"/>
      <c r="O46" s="122"/>
      <c r="P46" s="122"/>
      <c r="Q46" s="122"/>
      <c r="R46" s="122"/>
      <c r="S46" s="122"/>
      <c r="T46" s="122"/>
      <c r="U46" s="122"/>
      <c r="V46" s="122"/>
      <c r="W46" s="122"/>
      <c r="X46" s="122"/>
      <c r="Y46" s="122"/>
      <c r="Z46" s="122"/>
      <c r="AA46" s="122"/>
      <c r="AB46" s="122"/>
      <c r="AC46" s="122"/>
      <c r="AD46" s="122"/>
      <c r="AE46" s="122"/>
      <c r="AF46" s="122"/>
      <c r="AG46" s="122"/>
      <c r="AH46" s="122"/>
      <c r="AI46" s="123"/>
      <c r="AJ46" s="118"/>
      <c r="AK46" s="119"/>
      <c r="AL46" s="119"/>
      <c r="AM46" s="119"/>
      <c r="AN46" s="119"/>
      <c r="AO46" s="119"/>
      <c r="AP46" s="119"/>
      <c r="AQ46" s="119"/>
      <c r="AR46" s="119"/>
      <c r="AS46" s="119"/>
      <c r="AT46" s="119"/>
      <c r="AU46" s="119"/>
      <c r="AV46" s="119"/>
      <c r="AW46" s="119"/>
      <c r="AX46" s="119"/>
      <c r="AY46" s="119"/>
      <c r="AZ46" s="119"/>
      <c r="BA46" s="119"/>
      <c r="BB46" s="119"/>
      <c r="BC46" s="119"/>
      <c r="BD46" s="119"/>
      <c r="BE46" s="119"/>
      <c r="BF46" s="119"/>
      <c r="BG46" s="119"/>
      <c r="BH46" s="119"/>
      <c r="BI46" s="119"/>
      <c r="BJ46" s="119"/>
      <c r="BK46" s="119"/>
      <c r="BL46" s="119"/>
      <c r="BM46" s="119"/>
      <c r="BN46" s="119"/>
      <c r="BO46" s="118"/>
      <c r="BP46" s="119"/>
      <c r="BQ46" s="119"/>
      <c r="BR46" s="119"/>
      <c r="BS46" s="119"/>
      <c r="BT46" s="119"/>
      <c r="BU46" s="119"/>
      <c r="BV46" s="119"/>
      <c r="BW46" s="119"/>
      <c r="BX46" s="119"/>
      <c r="BY46" s="119"/>
      <c r="BZ46" s="119"/>
      <c r="CA46" s="119"/>
      <c r="CB46" s="119"/>
      <c r="CC46" s="119"/>
      <c r="CD46" s="119"/>
      <c r="CE46" s="119"/>
      <c r="CF46" s="119"/>
      <c r="CG46" s="119"/>
      <c r="CH46" s="119"/>
      <c r="CI46" s="100"/>
      <c r="CJ46" s="100"/>
      <c r="CK46" s="100"/>
      <c r="CL46" s="100"/>
      <c r="CM46" s="100"/>
      <c r="CN46" s="100"/>
      <c r="CO46" s="100"/>
      <c r="CP46" s="100"/>
      <c r="CQ46" s="100"/>
      <c r="CR46" s="101"/>
    </row>
    <row r="47" spans="1:96" ht="12" customHeight="1" x14ac:dyDescent="0.25">
      <c r="A47" s="155"/>
      <c r="B47" s="157"/>
      <c r="C47" s="142"/>
      <c r="D47" s="142"/>
      <c r="E47" s="97"/>
      <c r="F47" s="98"/>
      <c r="G47" s="98"/>
      <c r="H47" s="98"/>
      <c r="I47" s="98"/>
      <c r="J47" s="98"/>
      <c r="K47" s="98"/>
      <c r="L47" s="98"/>
      <c r="M47" s="98"/>
      <c r="N47" s="98"/>
      <c r="O47" s="98"/>
      <c r="P47" s="98"/>
      <c r="Q47" s="98"/>
      <c r="R47" s="98"/>
      <c r="S47" s="98"/>
      <c r="T47" s="98"/>
      <c r="U47" s="98"/>
      <c r="V47" s="98"/>
      <c r="W47" s="98"/>
      <c r="X47" s="98"/>
      <c r="Y47" s="98"/>
      <c r="Z47" s="98"/>
      <c r="AA47" s="98"/>
      <c r="AB47" s="98"/>
      <c r="AC47" s="98"/>
      <c r="AD47" s="98"/>
      <c r="AE47" s="98"/>
      <c r="AF47" s="98"/>
      <c r="AG47" s="98"/>
      <c r="AH47" s="98"/>
      <c r="AI47" s="99"/>
      <c r="AJ47" s="97"/>
      <c r="AK47" s="98"/>
      <c r="AL47" s="98"/>
      <c r="AM47" s="98"/>
      <c r="AN47" s="98"/>
      <c r="AO47" s="98"/>
      <c r="AP47" s="98"/>
      <c r="AQ47" s="98"/>
      <c r="AR47" s="98"/>
      <c r="AS47" s="98"/>
      <c r="AT47" s="98"/>
      <c r="AU47" s="98"/>
      <c r="AV47" s="98"/>
      <c r="AW47" s="98"/>
      <c r="AX47" s="98"/>
      <c r="AY47" s="98"/>
      <c r="AZ47" s="98"/>
      <c r="BA47" s="98"/>
      <c r="BB47" s="98"/>
      <c r="BC47" s="98"/>
      <c r="BD47" s="98"/>
      <c r="BE47" s="98"/>
      <c r="BF47" s="98"/>
      <c r="BG47" s="98"/>
      <c r="BH47" s="98"/>
      <c r="BI47" s="98"/>
      <c r="BJ47" s="98"/>
      <c r="BK47" s="98"/>
      <c r="BL47" s="98"/>
      <c r="BM47" s="98"/>
      <c r="BN47" s="98"/>
      <c r="BO47" s="97"/>
      <c r="BP47" s="98"/>
      <c r="BQ47" s="98"/>
      <c r="BR47" s="98"/>
      <c r="BS47" s="98"/>
      <c r="BT47" s="98"/>
      <c r="BU47" s="98"/>
      <c r="BV47" s="98"/>
      <c r="BW47" s="98"/>
      <c r="BX47" s="98"/>
      <c r="BY47" s="98"/>
      <c r="BZ47" s="98"/>
      <c r="CA47" s="98"/>
      <c r="CB47" s="98"/>
      <c r="CC47" s="98"/>
      <c r="CD47" s="98"/>
      <c r="CE47" s="98"/>
      <c r="CF47" s="98"/>
      <c r="CG47" s="98"/>
      <c r="CH47" s="98"/>
      <c r="CI47" s="100"/>
      <c r="CJ47" s="100"/>
      <c r="CK47" s="100"/>
      <c r="CL47" s="100"/>
      <c r="CM47" s="100"/>
      <c r="CN47" s="100"/>
      <c r="CO47" s="100"/>
      <c r="CP47" s="100"/>
      <c r="CQ47" s="100"/>
      <c r="CR47" s="101"/>
    </row>
    <row r="48" spans="1:96" ht="15.75" customHeight="1" x14ac:dyDescent="0.2">
      <c r="A48" s="50" t="s">
        <v>46</v>
      </c>
      <c r="B48" s="51" t="s">
        <v>47</v>
      </c>
      <c r="C48" s="84"/>
      <c r="D48" s="84"/>
      <c r="E48" s="22"/>
      <c r="F48" s="22"/>
      <c r="G48" s="22"/>
      <c r="H48" s="22"/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2"/>
      <c r="T48" s="22"/>
      <c r="U48" s="22"/>
      <c r="V48" s="22"/>
      <c r="W48" s="22"/>
      <c r="X48" s="22"/>
      <c r="Y48" s="22"/>
      <c r="Z48" s="22"/>
      <c r="AA48" s="22"/>
      <c r="AB48" s="22"/>
      <c r="AC48" s="22"/>
      <c r="AD48" s="22"/>
      <c r="AE48" s="22"/>
      <c r="AF48" s="22"/>
      <c r="AG48" s="22"/>
      <c r="AH48" s="22"/>
      <c r="AI48" s="22"/>
      <c r="AJ48" s="21"/>
      <c r="AK48" s="22"/>
      <c r="AL48" s="22"/>
      <c r="AM48" s="22"/>
      <c r="AN48" s="22"/>
      <c r="AO48" s="22"/>
      <c r="AP48" s="22"/>
      <c r="AQ48" s="22"/>
      <c r="AR48" s="22"/>
      <c r="AS48" s="22"/>
      <c r="AT48" s="22"/>
      <c r="AU48" s="22"/>
      <c r="AV48" s="22"/>
      <c r="AW48" s="22"/>
      <c r="AX48" s="22"/>
      <c r="AY48" s="22"/>
      <c r="AZ48" s="22"/>
      <c r="BA48" s="22"/>
      <c r="BB48" s="22"/>
      <c r="BC48" s="22"/>
      <c r="BD48" s="22"/>
      <c r="BE48" s="22"/>
      <c r="BF48" s="22"/>
      <c r="BG48" s="22"/>
      <c r="BH48" s="22"/>
      <c r="BI48" s="22"/>
      <c r="BJ48" s="22"/>
      <c r="BK48" s="22"/>
      <c r="BL48" s="22"/>
      <c r="BM48" s="22"/>
      <c r="BN48" s="22"/>
      <c r="BO48" s="57"/>
      <c r="BP48" s="58"/>
      <c r="BQ48" s="58"/>
      <c r="BR48" s="58"/>
      <c r="BS48" s="58"/>
      <c r="BT48" s="58"/>
      <c r="BU48" s="58"/>
      <c r="BV48" s="58"/>
      <c r="BW48" s="58"/>
      <c r="BX48" s="58"/>
      <c r="BY48" s="58"/>
      <c r="BZ48" s="58"/>
      <c r="CA48" s="58"/>
      <c r="CB48" s="58"/>
      <c r="CC48" s="58"/>
      <c r="CD48" s="58"/>
      <c r="CE48" s="58"/>
      <c r="CF48" s="58"/>
      <c r="CG48" s="58"/>
      <c r="CH48" s="58"/>
      <c r="CI48" s="59"/>
      <c r="CJ48" s="59"/>
      <c r="CK48" s="59"/>
      <c r="CL48" s="59"/>
      <c r="CM48" s="59"/>
      <c r="CN48" s="59"/>
      <c r="CO48" s="59"/>
      <c r="CP48" s="59"/>
      <c r="CQ48" s="59"/>
      <c r="CR48" s="60"/>
    </row>
    <row r="49" spans="1:96" ht="12" customHeight="1" x14ac:dyDescent="0.25">
      <c r="A49" s="145" t="s">
        <v>48</v>
      </c>
      <c r="B49" s="148" t="s">
        <v>49</v>
      </c>
      <c r="C49" s="140"/>
      <c r="D49" s="140"/>
      <c r="E49" s="29"/>
      <c r="F49" s="29"/>
      <c r="G49" s="29"/>
      <c r="H49" s="29"/>
      <c r="I49" s="29"/>
      <c r="J49" s="29"/>
      <c r="K49" s="29"/>
      <c r="L49" s="29"/>
      <c r="M49" s="29"/>
      <c r="N49" s="29"/>
      <c r="O49" s="29"/>
      <c r="P49" s="29"/>
      <c r="Q49" s="29"/>
      <c r="R49" s="29"/>
      <c r="S49" s="29"/>
      <c r="T49" s="29"/>
      <c r="U49" s="29"/>
      <c r="V49" s="29"/>
      <c r="W49" s="29"/>
      <c r="X49" s="29"/>
      <c r="Y49" s="29"/>
      <c r="Z49" s="29"/>
      <c r="AA49" s="29"/>
      <c r="AB49" s="29"/>
      <c r="AC49" s="29"/>
      <c r="AD49" s="29"/>
      <c r="AE49" s="29"/>
      <c r="AF49" s="29"/>
      <c r="AG49" s="29"/>
      <c r="AH49" s="29"/>
      <c r="AI49" s="29"/>
      <c r="AJ49" s="42"/>
      <c r="AK49" s="26"/>
      <c r="AL49" s="26"/>
      <c r="AM49" s="26"/>
      <c r="AN49" s="26"/>
      <c r="AO49" s="26"/>
      <c r="AP49" s="26"/>
      <c r="AQ49" s="26"/>
      <c r="AR49" s="26"/>
      <c r="AS49" s="26"/>
      <c r="AT49" s="26"/>
      <c r="AU49" s="26"/>
      <c r="AV49" s="26"/>
      <c r="AW49" s="26"/>
      <c r="AX49" s="26"/>
      <c r="AY49" s="27"/>
      <c r="AZ49" s="27"/>
      <c r="BA49" s="27"/>
      <c r="BB49" s="27"/>
      <c r="BC49" s="27"/>
      <c r="BD49" s="27"/>
      <c r="BE49" s="27"/>
      <c r="BF49" s="158"/>
      <c r="BG49" s="143"/>
      <c r="BH49" s="143"/>
      <c r="BI49" s="143"/>
      <c r="BJ49" s="143"/>
      <c r="BK49" s="143"/>
      <c r="BL49" s="143"/>
      <c r="BM49" s="143"/>
      <c r="BN49" s="143"/>
      <c r="BO49" s="136"/>
      <c r="BP49" s="143"/>
      <c r="BQ49" s="143"/>
      <c r="BR49" s="143"/>
      <c r="BS49" s="143"/>
      <c r="BT49" s="143"/>
      <c r="BU49" s="143"/>
      <c r="BV49" s="143"/>
      <c r="BW49" s="143"/>
      <c r="BX49" s="143"/>
      <c r="BY49" s="143"/>
      <c r="BZ49" s="143"/>
      <c r="CA49" s="143"/>
      <c r="CB49" s="143"/>
      <c r="CC49" s="143"/>
      <c r="CD49" s="143"/>
      <c r="CE49" s="143"/>
      <c r="CF49" s="143"/>
      <c r="CG49" s="143"/>
      <c r="CH49" s="143"/>
      <c r="CI49" s="143"/>
      <c r="CJ49" s="143"/>
      <c r="CK49" s="143"/>
      <c r="CL49" s="143"/>
      <c r="CM49" s="143"/>
      <c r="CN49" s="143"/>
      <c r="CO49" s="143"/>
      <c r="CP49" s="143"/>
      <c r="CQ49" s="143"/>
      <c r="CR49" s="144"/>
    </row>
    <row r="50" spans="1:96" ht="12" customHeight="1" x14ac:dyDescent="0.25">
      <c r="A50" s="154"/>
      <c r="B50" s="156"/>
      <c r="C50" s="141"/>
      <c r="D50" s="141"/>
      <c r="E50" s="137"/>
      <c r="F50" s="138"/>
      <c r="G50" s="138"/>
      <c r="H50" s="138"/>
      <c r="I50" s="138"/>
      <c r="J50" s="138"/>
      <c r="K50" s="138"/>
      <c r="L50" s="138"/>
      <c r="M50" s="138"/>
      <c r="N50" s="138"/>
      <c r="O50" s="138"/>
      <c r="P50" s="138"/>
      <c r="Q50" s="138"/>
      <c r="R50" s="138"/>
      <c r="S50" s="138"/>
      <c r="T50" s="138"/>
      <c r="U50" s="138"/>
      <c r="V50" s="138"/>
      <c r="W50" s="138"/>
      <c r="X50" s="138"/>
      <c r="Y50" s="138"/>
      <c r="Z50" s="138"/>
      <c r="AA50" s="138"/>
      <c r="AB50" s="138"/>
      <c r="AC50" s="138"/>
      <c r="AD50" s="138"/>
      <c r="AE50" s="138"/>
      <c r="AF50" s="138"/>
      <c r="AG50" s="138"/>
      <c r="AH50" s="138"/>
      <c r="AI50" s="139"/>
      <c r="AJ50" s="94">
        <v>1</v>
      </c>
      <c r="AK50" s="95"/>
      <c r="AL50" s="95"/>
      <c r="AM50" s="95"/>
      <c r="AN50" s="95"/>
      <c r="AO50" s="95"/>
      <c r="AP50" s="95"/>
      <c r="AQ50" s="95"/>
      <c r="AR50" s="95"/>
      <c r="AS50" s="95"/>
      <c r="AT50" s="95"/>
      <c r="AU50" s="95"/>
      <c r="AV50" s="95"/>
      <c r="AW50" s="95"/>
      <c r="AX50" s="95"/>
      <c r="AY50" s="95"/>
      <c r="AZ50" s="95"/>
      <c r="BA50" s="95"/>
      <c r="BB50" s="95"/>
      <c r="BC50" s="95"/>
      <c r="BD50" s="95"/>
      <c r="BE50" s="95"/>
      <c r="BF50" s="95"/>
      <c r="BG50" s="95"/>
      <c r="BH50" s="95"/>
      <c r="BI50" s="95"/>
      <c r="BJ50" s="95"/>
      <c r="BK50" s="95"/>
      <c r="BL50" s="95"/>
      <c r="BM50" s="95"/>
      <c r="BN50" s="95"/>
      <c r="BO50" s="137"/>
      <c r="BP50" s="138"/>
      <c r="BQ50" s="138"/>
      <c r="BR50" s="138"/>
      <c r="BS50" s="138"/>
      <c r="BT50" s="138"/>
      <c r="BU50" s="138"/>
      <c r="BV50" s="138"/>
      <c r="BW50" s="138"/>
      <c r="BX50" s="138"/>
      <c r="BY50" s="138"/>
      <c r="BZ50" s="138"/>
      <c r="CA50" s="138"/>
      <c r="CB50" s="138"/>
      <c r="CC50" s="138"/>
      <c r="CD50" s="138"/>
      <c r="CE50" s="138"/>
      <c r="CF50" s="138"/>
      <c r="CG50" s="138"/>
      <c r="CH50" s="138"/>
      <c r="CI50" s="143"/>
      <c r="CJ50" s="143"/>
      <c r="CK50" s="143"/>
      <c r="CL50" s="143"/>
      <c r="CM50" s="143"/>
      <c r="CN50" s="143"/>
      <c r="CO50" s="143"/>
      <c r="CP50" s="143"/>
      <c r="CQ50" s="143"/>
      <c r="CR50" s="144"/>
    </row>
    <row r="51" spans="1:96" ht="12" customHeight="1" x14ac:dyDescent="0.25">
      <c r="A51" s="155"/>
      <c r="B51" s="157"/>
      <c r="C51" s="142"/>
      <c r="D51" s="142"/>
      <c r="E51" s="97"/>
      <c r="F51" s="98"/>
      <c r="G51" s="98"/>
      <c r="H51" s="98"/>
      <c r="I51" s="98"/>
      <c r="J51" s="98"/>
      <c r="K51" s="98"/>
      <c r="L51" s="98"/>
      <c r="M51" s="98"/>
      <c r="N51" s="98"/>
      <c r="O51" s="98"/>
      <c r="P51" s="98"/>
      <c r="Q51" s="98"/>
      <c r="R51" s="98"/>
      <c r="S51" s="98"/>
      <c r="T51" s="98"/>
      <c r="U51" s="98"/>
      <c r="V51" s="98"/>
      <c r="W51" s="98"/>
      <c r="X51" s="98"/>
      <c r="Y51" s="98"/>
      <c r="Z51" s="98"/>
      <c r="AA51" s="98"/>
      <c r="AB51" s="98"/>
      <c r="AC51" s="98"/>
      <c r="AD51" s="98"/>
      <c r="AE51" s="98"/>
      <c r="AF51" s="98"/>
      <c r="AG51" s="98"/>
      <c r="AH51" s="98"/>
      <c r="AI51" s="99"/>
      <c r="AJ51" s="97"/>
      <c r="AK51" s="98"/>
      <c r="AL51" s="98"/>
      <c r="AM51" s="98"/>
      <c r="AN51" s="98"/>
      <c r="AO51" s="98"/>
      <c r="AP51" s="98"/>
      <c r="AQ51" s="98"/>
      <c r="AR51" s="98"/>
      <c r="AS51" s="98"/>
      <c r="AT51" s="98"/>
      <c r="AU51" s="98"/>
      <c r="AV51" s="98"/>
      <c r="AW51" s="98"/>
      <c r="AX51" s="98"/>
      <c r="AY51" s="98"/>
      <c r="AZ51" s="98"/>
      <c r="BA51" s="98"/>
      <c r="BB51" s="98"/>
      <c r="BC51" s="98"/>
      <c r="BD51" s="98"/>
      <c r="BE51" s="98"/>
      <c r="BF51" s="98"/>
      <c r="BG51" s="98"/>
      <c r="BH51" s="98"/>
      <c r="BI51" s="98"/>
      <c r="BJ51" s="98"/>
      <c r="BK51" s="98"/>
      <c r="BL51" s="98"/>
      <c r="BM51" s="98"/>
      <c r="BN51" s="98"/>
      <c r="BO51" s="97"/>
      <c r="BP51" s="98"/>
      <c r="BQ51" s="98"/>
      <c r="BR51" s="98"/>
      <c r="BS51" s="98"/>
      <c r="BT51" s="98"/>
      <c r="BU51" s="98"/>
      <c r="BV51" s="98"/>
      <c r="BW51" s="98"/>
      <c r="BX51" s="98"/>
      <c r="BY51" s="98"/>
      <c r="BZ51" s="98"/>
      <c r="CA51" s="98"/>
      <c r="CB51" s="98"/>
      <c r="CC51" s="98"/>
      <c r="CD51" s="98"/>
      <c r="CE51" s="98"/>
      <c r="CF51" s="98"/>
      <c r="CG51" s="98"/>
      <c r="CH51" s="98"/>
      <c r="CI51" s="143"/>
      <c r="CJ51" s="143"/>
      <c r="CK51" s="143"/>
      <c r="CL51" s="143"/>
      <c r="CM51" s="143"/>
      <c r="CN51" s="143"/>
      <c r="CO51" s="143"/>
      <c r="CP51" s="143"/>
      <c r="CQ51" s="143"/>
      <c r="CR51" s="144"/>
    </row>
    <row r="52" spans="1:96" ht="12" customHeight="1" x14ac:dyDescent="0.25">
      <c r="A52" s="145" t="s">
        <v>50</v>
      </c>
      <c r="B52" s="110" t="s">
        <v>51</v>
      </c>
      <c r="C52" s="140"/>
      <c r="D52" s="140"/>
      <c r="E52" s="29"/>
      <c r="F52" s="29"/>
      <c r="G52" s="29"/>
      <c r="H52" s="29"/>
      <c r="I52" s="29"/>
      <c r="J52" s="29"/>
      <c r="K52" s="29"/>
      <c r="L52" s="29"/>
      <c r="M52" s="29"/>
      <c r="N52" s="29"/>
      <c r="O52" s="29"/>
      <c r="P52" s="29"/>
      <c r="Q52" s="29"/>
      <c r="R52" s="29"/>
      <c r="S52" s="29"/>
      <c r="T52" s="29"/>
      <c r="U52" s="29"/>
      <c r="V52" s="29"/>
      <c r="W52" s="29"/>
      <c r="X52" s="29"/>
      <c r="Y52" s="29"/>
      <c r="Z52" s="29"/>
      <c r="AA52" s="29"/>
      <c r="AB52" s="29"/>
      <c r="AC52" s="29"/>
      <c r="AD52" s="29"/>
      <c r="AE52" s="29"/>
      <c r="AF52" s="29"/>
      <c r="AG52" s="29"/>
      <c r="AH52" s="29"/>
      <c r="AI52" s="29"/>
      <c r="AJ52" s="30"/>
      <c r="AK52" s="27"/>
      <c r="AL52" s="27"/>
      <c r="AM52" s="27"/>
      <c r="AN52" s="27"/>
      <c r="AO52" s="26"/>
      <c r="AP52" s="26"/>
      <c r="AQ52" s="26"/>
      <c r="AR52" s="26"/>
      <c r="AS52" s="26"/>
      <c r="AT52" s="26"/>
      <c r="AU52" s="26"/>
      <c r="AV52" s="26"/>
      <c r="AW52" s="26"/>
      <c r="AX52" s="26"/>
      <c r="AY52" s="26"/>
      <c r="AZ52" s="26"/>
      <c r="BA52" s="26"/>
      <c r="BB52" s="26"/>
      <c r="BC52" s="26"/>
      <c r="BD52" s="26"/>
      <c r="BE52" s="26"/>
      <c r="BF52" s="61"/>
      <c r="BG52" s="37"/>
      <c r="BH52" s="37"/>
      <c r="BI52" s="37"/>
      <c r="BJ52" s="37"/>
      <c r="BK52" s="37"/>
      <c r="BL52" s="36"/>
      <c r="BM52" s="36"/>
      <c r="BN52" s="36"/>
      <c r="BO52" s="136"/>
      <c r="BP52" s="143"/>
      <c r="BQ52" s="143"/>
      <c r="BR52" s="143"/>
      <c r="BS52" s="143"/>
      <c r="BT52" s="143"/>
      <c r="BU52" s="143"/>
      <c r="BV52" s="143"/>
      <c r="BW52" s="143"/>
      <c r="BX52" s="143"/>
      <c r="BY52" s="143"/>
      <c r="BZ52" s="143"/>
      <c r="CA52" s="143"/>
      <c r="CB52" s="143"/>
      <c r="CC52" s="143"/>
      <c r="CD52" s="143"/>
      <c r="CE52" s="143"/>
      <c r="CF52" s="143"/>
      <c r="CG52" s="143"/>
      <c r="CH52" s="143"/>
      <c r="CI52" s="143"/>
      <c r="CJ52" s="143"/>
      <c r="CK52" s="143"/>
      <c r="CL52" s="143"/>
      <c r="CM52" s="143"/>
      <c r="CN52" s="143"/>
      <c r="CO52" s="143"/>
      <c r="CP52" s="143"/>
      <c r="CQ52" s="143"/>
      <c r="CR52" s="144"/>
    </row>
    <row r="53" spans="1:96" ht="12" customHeight="1" x14ac:dyDescent="0.25">
      <c r="A53" s="154"/>
      <c r="B53" s="110"/>
      <c r="C53" s="141"/>
      <c r="D53" s="141"/>
      <c r="E53" s="137"/>
      <c r="F53" s="138"/>
      <c r="G53" s="138"/>
      <c r="H53" s="138"/>
      <c r="I53" s="138"/>
      <c r="J53" s="138"/>
      <c r="K53" s="138"/>
      <c r="L53" s="138"/>
      <c r="M53" s="138"/>
      <c r="N53" s="138"/>
      <c r="O53" s="138"/>
      <c r="P53" s="138"/>
      <c r="Q53" s="138"/>
      <c r="R53" s="138"/>
      <c r="S53" s="138"/>
      <c r="T53" s="138"/>
      <c r="U53" s="138"/>
      <c r="V53" s="138"/>
      <c r="W53" s="138"/>
      <c r="X53" s="138"/>
      <c r="Y53" s="138"/>
      <c r="Z53" s="138"/>
      <c r="AA53" s="138"/>
      <c r="AB53" s="138"/>
      <c r="AC53" s="138"/>
      <c r="AD53" s="138"/>
      <c r="AE53" s="138"/>
      <c r="AF53" s="138"/>
      <c r="AG53" s="138"/>
      <c r="AH53" s="138"/>
      <c r="AI53" s="139"/>
      <c r="AJ53" s="94">
        <v>1</v>
      </c>
      <c r="AK53" s="95"/>
      <c r="AL53" s="95"/>
      <c r="AM53" s="95"/>
      <c r="AN53" s="95"/>
      <c r="AO53" s="95"/>
      <c r="AP53" s="95"/>
      <c r="AQ53" s="95"/>
      <c r="AR53" s="95"/>
      <c r="AS53" s="95"/>
      <c r="AT53" s="95"/>
      <c r="AU53" s="95"/>
      <c r="AV53" s="95"/>
      <c r="AW53" s="95"/>
      <c r="AX53" s="95"/>
      <c r="AY53" s="95"/>
      <c r="AZ53" s="95"/>
      <c r="BA53" s="95"/>
      <c r="BB53" s="95"/>
      <c r="BC53" s="95"/>
      <c r="BD53" s="95"/>
      <c r="BE53" s="95"/>
      <c r="BF53" s="95"/>
      <c r="BG53" s="95"/>
      <c r="BH53" s="95"/>
      <c r="BI53" s="95"/>
      <c r="BJ53" s="95"/>
      <c r="BK53" s="95"/>
      <c r="BL53" s="95"/>
      <c r="BM53" s="95"/>
      <c r="BN53" s="95"/>
      <c r="BO53" s="137"/>
      <c r="BP53" s="138"/>
      <c r="BQ53" s="138"/>
      <c r="BR53" s="138"/>
      <c r="BS53" s="138"/>
      <c r="BT53" s="138"/>
      <c r="BU53" s="138"/>
      <c r="BV53" s="138"/>
      <c r="BW53" s="138"/>
      <c r="BX53" s="138"/>
      <c r="BY53" s="138"/>
      <c r="BZ53" s="138"/>
      <c r="CA53" s="138"/>
      <c r="CB53" s="138"/>
      <c r="CC53" s="138"/>
      <c r="CD53" s="138"/>
      <c r="CE53" s="138"/>
      <c r="CF53" s="138"/>
      <c r="CG53" s="138"/>
      <c r="CH53" s="138"/>
      <c r="CI53" s="143"/>
      <c r="CJ53" s="143"/>
      <c r="CK53" s="143"/>
      <c r="CL53" s="143"/>
      <c r="CM53" s="143"/>
      <c r="CN53" s="143"/>
      <c r="CO53" s="143"/>
      <c r="CP53" s="143"/>
      <c r="CQ53" s="143"/>
      <c r="CR53" s="144"/>
    </row>
    <row r="54" spans="1:96" ht="12" customHeight="1" x14ac:dyDescent="0.25">
      <c r="A54" s="155"/>
      <c r="B54" s="110"/>
      <c r="C54" s="142"/>
      <c r="D54" s="142"/>
      <c r="E54" s="97"/>
      <c r="F54" s="98"/>
      <c r="G54" s="98"/>
      <c r="H54" s="98"/>
      <c r="I54" s="98"/>
      <c r="J54" s="98"/>
      <c r="K54" s="98"/>
      <c r="L54" s="98"/>
      <c r="M54" s="98"/>
      <c r="N54" s="98"/>
      <c r="O54" s="98"/>
      <c r="P54" s="98"/>
      <c r="Q54" s="98"/>
      <c r="R54" s="98"/>
      <c r="S54" s="98"/>
      <c r="T54" s="98"/>
      <c r="U54" s="98"/>
      <c r="V54" s="98"/>
      <c r="W54" s="98"/>
      <c r="X54" s="98"/>
      <c r="Y54" s="98"/>
      <c r="Z54" s="98"/>
      <c r="AA54" s="98"/>
      <c r="AB54" s="98"/>
      <c r="AC54" s="98"/>
      <c r="AD54" s="98"/>
      <c r="AE54" s="98"/>
      <c r="AF54" s="98"/>
      <c r="AG54" s="98"/>
      <c r="AH54" s="98"/>
      <c r="AI54" s="99"/>
      <c r="AJ54" s="97"/>
      <c r="AK54" s="98"/>
      <c r="AL54" s="98"/>
      <c r="AM54" s="98"/>
      <c r="AN54" s="98"/>
      <c r="AO54" s="98"/>
      <c r="AP54" s="98"/>
      <c r="AQ54" s="98"/>
      <c r="AR54" s="98"/>
      <c r="AS54" s="98"/>
      <c r="AT54" s="98"/>
      <c r="AU54" s="98"/>
      <c r="AV54" s="98"/>
      <c r="AW54" s="98"/>
      <c r="AX54" s="98"/>
      <c r="AY54" s="98"/>
      <c r="AZ54" s="98"/>
      <c r="BA54" s="98"/>
      <c r="BB54" s="98"/>
      <c r="BC54" s="98"/>
      <c r="BD54" s="98"/>
      <c r="BE54" s="98"/>
      <c r="BF54" s="98"/>
      <c r="BG54" s="98"/>
      <c r="BH54" s="98"/>
      <c r="BI54" s="98"/>
      <c r="BJ54" s="98"/>
      <c r="BK54" s="98"/>
      <c r="BL54" s="98"/>
      <c r="BM54" s="98"/>
      <c r="BN54" s="98"/>
      <c r="BO54" s="97"/>
      <c r="BP54" s="98"/>
      <c r="BQ54" s="98"/>
      <c r="BR54" s="98"/>
      <c r="BS54" s="98"/>
      <c r="BT54" s="98"/>
      <c r="BU54" s="98"/>
      <c r="BV54" s="98"/>
      <c r="BW54" s="98"/>
      <c r="BX54" s="98"/>
      <c r="BY54" s="98"/>
      <c r="BZ54" s="98"/>
      <c r="CA54" s="98"/>
      <c r="CB54" s="98"/>
      <c r="CC54" s="98"/>
      <c r="CD54" s="98"/>
      <c r="CE54" s="98"/>
      <c r="CF54" s="98"/>
      <c r="CG54" s="98"/>
      <c r="CH54" s="98"/>
      <c r="CI54" s="143"/>
      <c r="CJ54" s="143"/>
      <c r="CK54" s="143"/>
      <c r="CL54" s="143"/>
      <c r="CM54" s="143"/>
      <c r="CN54" s="143"/>
      <c r="CO54" s="143"/>
      <c r="CP54" s="143"/>
      <c r="CQ54" s="143"/>
      <c r="CR54" s="144"/>
    </row>
    <row r="55" spans="1:96" ht="12" customHeight="1" x14ac:dyDescent="0.2">
      <c r="A55" s="145" t="s">
        <v>52</v>
      </c>
      <c r="B55" s="148" t="s">
        <v>53</v>
      </c>
      <c r="C55" s="140"/>
      <c r="D55" s="140"/>
      <c r="E55" s="62"/>
      <c r="F55" s="63"/>
      <c r="G55" s="63"/>
      <c r="H55" s="63"/>
      <c r="I55" s="63"/>
      <c r="J55" s="63"/>
      <c r="K55" s="63"/>
      <c r="L55" s="63"/>
      <c r="M55" s="63"/>
      <c r="N55" s="63"/>
      <c r="O55" s="63"/>
      <c r="P55" s="63"/>
      <c r="Q55" s="63"/>
      <c r="R55" s="63"/>
      <c r="S55" s="63"/>
      <c r="T55" s="63"/>
      <c r="U55" s="63"/>
      <c r="V55" s="63"/>
      <c r="W55" s="63"/>
      <c r="X55" s="63"/>
      <c r="Y55" s="63"/>
      <c r="Z55" s="63"/>
      <c r="AA55" s="63"/>
      <c r="AB55" s="63"/>
      <c r="AC55" s="63"/>
      <c r="AD55" s="63"/>
      <c r="AE55" s="63"/>
      <c r="AF55" s="63"/>
      <c r="AG55" s="63"/>
      <c r="AH55" s="63"/>
      <c r="AI55" s="64"/>
      <c r="AJ55" s="62"/>
      <c r="AK55" s="63"/>
      <c r="AL55" s="63"/>
      <c r="AM55" s="63"/>
      <c r="AN55" s="63"/>
      <c r="AO55" s="63"/>
      <c r="AP55" s="63"/>
      <c r="AQ55" s="63"/>
      <c r="AR55" s="63"/>
      <c r="AS55" s="63"/>
      <c r="AT55" s="63"/>
      <c r="AU55" s="63"/>
      <c r="AV55" s="63"/>
      <c r="AW55" s="63"/>
      <c r="AX55" s="63"/>
      <c r="AY55" s="63"/>
      <c r="AZ55" s="63"/>
      <c r="BA55" s="63"/>
      <c r="BB55" s="63"/>
      <c r="BC55" s="63"/>
      <c r="BD55" s="63"/>
      <c r="BE55" s="63"/>
      <c r="BF55" s="63"/>
      <c r="BG55" s="63"/>
      <c r="BH55" s="63"/>
      <c r="BI55" s="63"/>
      <c r="BJ55" s="63"/>
      <c r="BK55" s="63"/>
      <c r="BL55" s="63"/>
      <c r="BM55" s="63"/>
      <c r="BN55" s="63"/>
      <c r="BO55" s="62"/>
      <c r="BP55" s="63"/>
      <c r="BQ55" s="63"/>
      <c r="BR55" s="63"/>
      <c r="BS55" s="63"/>
      <c r="BT55" s="63"/>
      <c r="BU55" s="63"/>
      <c r="BV55" s="63"/>
      <c r="BW55" s="63"/>
      <c r="BX55" s="63"/>
      <c r="BY55" s="63"/>
      <c r="BZ55" s="63"/>
      <c r="CA55" s="63"/>
      <c r="CB55" s="63"/>
      <c r="CC55" s="63"/>
      <c r="CD55" s="65"/>
      <c r="CE55" s="65"/>
      <c r="CF55" s="65"/>
      <c r="CG55" s="65"/>
      <c r="CH55" s="65"/>
      <c r="CI55" s="46"/>
      <c r="CJ55" s="46"/>
      <c r="CK55" s="46"/>
      <c r="CL55" s="46"/>
      <c r="CM55" s="46"/>
      <c r="CN55" s="38"/>
      <c r="CO55" s="38"/>
      <c r="CP55" s="38"/>
      <c r="CQ55" s="38"/>
      <c r="CR55" s="39"/>
    </row>
    <row r="56" spans="1:96" ht="12" customHeight="1" x14ac:dyDescent="0.25">
      <c r="A56" s="146"/>
      <c r="B56" s="149"/>
      <c r="C56" s="141"/>
      <c r="D56" s="141"/>
      <c r="E56" s="62"/>
      <c r="F56" s="63"/>
      <c r="G56" s="63"/>
      <c r="H56" s="63"/>
      <c r="I56" s="63"/>
      <c r="J56" s="63"/>
      <c r="K56" s="63"/>
      <c r="L56" s="63"/>
      <c r="M56" s="63"/>
      <c r="N56" s="63"/>
      <c r="O56" s="63"/>
      <c r="P56" s="63"/>
      <c r="Q56" s="63"/>
      <c r="R56" s="63"/>
      <c r="S56" s="63"/>
      <c r="T56" s="63"/>
      <c r="U56" s="63"/>
      <c r="V56" s="63"/>
      <c r="W56" s="63"/>
      <c r="X56" s="63"/>
      <c r="Y56" s="63"/>
      <c r="Z56" s="63"/>
      <c r="AA56" s="63"/>
      <c r="AB56" s="63"/>
      <c r="AC56" s="63"/>
      <c r="AD56" s="63"/>
      <c r="AE56" s="63"/>
      <c r="AF56" s="63"/>
      <c r="AG56" s="63"/>
      <c r="AH56" s="63"/>
      <c r="AI56" s="64"/>
      <c r="AJ56" s="62"/>
      <c r="AK56" s="63"/>
      <c r="AL56" s="63"/>
      <c r="AM56" s="63"/>
      <c r="AN56" s="63"/>
      <c r="AO56" s="63"/>
      <c r="AP56" s="63"/>
      <c r="AQ56" s="63"/>
      <c r="AR56" s="63"/>
      <c r="AS56" s="63"/>
      <c r="AT56" s="63"/>
      <c r="AU56" s="63"/>
      <c r="AV56" s="63"/>
      <c r="AW56" s="63"/>
      <c r="AX56" s="63"/>
      <c r="AY56" s="63"/>
      <c r="AZ56" s="63"/>
      <c r="BA56" s="63"/>
      <c r="BB56" s="63"/>
      <c r="BC56" s="63"/>
      <c r="BD56" s="63"/>
      <c r="BE56" s="63"/>
      <c r="BF56" s="63"/>
      <c r="BG56" s="63"/>
      <c r="BH56" s="63"/>
      <c r="BI56" s="63"/>
      <c r="BJ56" s="63"/>
      <c r="BK56" s="63"/>
      <c r="BL56" s="63"/>
      <c r="BM56" s="63"/>
      <c r="BN56" s="63"/>
      <c r="BO56" s="151">
        <v>1</v>
      </c>
      <c r="BP56" s="152"/>
      <c r="BQ56" s="152"/>
      <c r="BR56" s="152"/>
      <c r="BS56" s="152"/>
      <c r="BT56" s="152"/>
      <c r="BU56" s="152"/>
      <c r="BV56" s="152"/>
      <c r="BW56" s="152"/>
      <c r="BX56" s="152"/>
      <c r="BY56" s="152"/>
      <c r="BZ56" s="152"/>
      <c r="CA56" s="152"/>
      <c r="CB56" s="152"/>
      <c r="CC56" s="152"/>
      <c r="CD56" s="152"/>
      <c r="CE56" s="152"/>
      <c r="CF56" s="152"/>
      <c r="CG56" s="152"/>
      <c r="CH56" s="152"/>
      <c r="CI56" s="152"/>
      <c r="CJ56" s="152"/>
      <c r="CK56" s="152"/>
      <c r="CL56" s="152"/>
      <c r="CM56" s="152"/>
      <c r="CN56" s="152"/>
      <c r="CO56" s="152"/>
      <c r="CP56" s="152"/>
      <c r="CQ56" s="152"/>
      <c r="CR56" s="153"/>
    </row>
    <row r="57" spans="1:96" ht="12.75" customHeight="1" x14ac:dyDescent="0.25">
      <c r="A57" s="147"/>
      <c r="B57" s="150"/>
      <c r="C57" s="142"/>
      <c r="D57" s="142"/>
      <c r="E57" s="62"/>
      <c r="F57" s="63"/>
      <c r="G57" s="63"/>
      <c r="H57" s="63"/>
      <c r="I57" s="63"/>
      <c r="J57" s="63"/>
      <c r="K57" s="63"/>
      <c r="L57" s="63"/>
      <c r="M57" s="63"/>
      <c r="N57" s="63"/>
      <c r="O57" s="63"/>
      <c r="P57" s="63"/>
      <c r="Q57" s="63"/>
      <c r="R57" s="63"/>
      <c r="S57" s="63"/>
      <c r="T57" s="63"/>
      <c r="U57" s="63"/>
      <c r="V57" s="63"/>
      <c r="W57" s="63"/>
      <c r="X57" s="63"/>
      <c r="Y57" s="63"/>
      <c r="Z57" s="63"/>
      <c r="AA57" s="63"/>
      <c r="AB57" s="63"/>
      <c r="AC57" s="63"/>
      <c r="AD57" s="63"/>
      <c r="AE57" s="63"/>
      <c r="AF57" s="63"/>
      <c r="AG57" s="63"/>
      <c r="AH57" s="63"/>
      <c r="AI57" s="64"/>
      <c r="AJ57" s="62"/>
      <c r="AK57" s="63"/>
      <c r="AL57" s="63"/>
      <c r="AM57" s="63"/>
      <c r="AN57" s="63"/>
      <c r="AO57" s="63"/>
      <c r="AP57" s="63"/>
      <c r="AQ57" s="63"/>
      <c r="AR57" s="63"/>
      <c r="AS57" s="63"/>
      <c r="AT57" s="63"/>
      <c r="AU57" s="63"/>
      <c r="AV57" s="63"/>
      <c r="AW57" s="63"/>
      <c r="AX57" s="63"/>
      <c r="AY57" s="63"/>
      <c r="AZ57" s="63"/>
      <c r="BA57" s="63"/>
      <c r="BB57" s="63"/>
      <c r="BC57" s="63"/>
      <c r="BD57" s="63"/>
      <c r="BE57" s="63"/>
      <c r="BF57" s="63"/>
      <c r="BG57" s="63"/>
      <c r="BH57" s="63"/>
      <c r="BI57" s="63"/>
      <c r="BJ57" s="63"/>
      <c r="BK57" s="63"/>
      <c r="BL57" s="63"/>
      <c r="BM57" s="63"/>
      <c r="BN57" s="63"/>
      <c r="BO57" s="97"/>
      <c r="BP57" s="143"/>
      <c r="BQ57" s="143"/>
      <c r="BR57" s="143"/>
      <c r="BS57" s="143"/>
      <c r="BT57" s="143"/>
      <c r="BU57" s="143"/>
      <c r="BV57" s="143"/>
      <c r="BW57" s="143"/>
      <c r="BX57" s="143"/>
      <c r="BY57" s="143"/>
      <c r="BZ57" s="143"/>
      <c r="CA57" s="143"/>
      <c r="CB57" s="143"/>
      <c r="CC57" s="143"/>
      <c r="CD57" s="143"/>
      <c r="CE57" s="143"/>
      <c r="CF57" s="143"/>
      <c r="CG57" s="143"/>
      <c r="CH57" s="143"/>
      <c r="CI57" s="143"/>
      <c r="CJ57" s="143"/>
      <c r="CK57" s="143"/>
      <c r="CL57" s="143"/>
      <c r="CM57" s="143"/>
      <c r="CN57" s="143"/>
      <c r="CO57" s="143"/>
      <c r="CP57" s="143"/>
      <c r="CQ57" s="143"/>
      <c r="CR57" s="144"/>
    </row>
    <row r="58" spans="1:96" ht="16.5" customHeight="1" x14ac:dyDescent="0.2">
      <c r="A58" s="50" t="s">
        <v>54</v>
      </c>
      <c r="B58" s="51" t="s">
        <v>55</v>
      </c>
      <c r="C58" s="84"/>
      <c r="D58" s="84"/>
      <c r="E58" s="22"/>
      <c r="F58" s="22"/>
      <c r="G58" s="22"/>
      <c r="H58" s="22"/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2"/>
      <c r="T58" s="22"/>
      <c r="U58" s="22"/>
      <c r="V58" s="22"/>
      <c r="W58" s="22"/>
      <c r="X58" s="22"/>
      <c r="Y58" s="22"/>
      <c r="Z58" s="22"/>
      <c r="AA58" s="22"/>
      <c r="AB58" s="22"/>
      <c r="AC58" s="22"/>
      <c r="AD58" s="22"/>
      <c r="AE58" s="22"/>
      <c r="AF58" s="22"/>
      <c r="AG58" s="22"/>
      <c r="AH58" s="22"/>
      <c r="AI58" s="22"/>
      <c r="AJ58" s="21"/>
      <c r="AK58" s="22"/>
      <c r="AL58" s="22"/>
      <c r="AM58" s="22"/>
      <c r="AN58" s="22"/>
      <c r="AO58" s="22"/>
      <c r="AP58" s="22"/>
      <c r="AQ58" s="22"/>
      <c r="AR58" s="22"/>
      <c r="AS58" s="22"/>
      <c r="AT58" s="22"/>
      <c r="AU58" s="22"/>
      <c r="AV58" s="22"/>
      <c r="AW58" s="22"/>
      <c r="AX58" s="22"/>
      <c r="AY58" s="22"/>
      <c r="AZ58" s="22"/>
      <c r="BA58" s="22"/>
      <c r="BB58" s="22"/>
      <c r="BC58" s="22"/>
      <c r="BD58" s="22"/>
      <c r="BE58" s="22"/>
      <c r="BF58" s="22"/>
      <c r="BG58" s="22"/>
      <c r="BH58" s="22"/>
      <c r="BI58" s="22"/>
      <c r="BJ58" s="22"/>
      <c r="BK58" s="22"/>
      <c r="BL58" s="22"/>
      <c r="BM58" s="22"/>
      <c r="BN58" s="22"/>
      <c r="BO58" s="57"/>
      <c r="BP58" s="58"/>
      <c r="BQ58" s="58"/>
      <c r="BR58" s="58"/>
      <c r="BS58" s="58"/>
      <c r="BT58" s="58"/>
      <c r="BU58" s="58"/>
      <c r="BV58" s="58"/>
      <c r="BW58" s="58"/>
      <c r="BX58" s="58"/>
      <c r="BY58" s="58"/>
      <c r="BZ58" s="58"/>
      <c r="CA58" s="58"/>
      <c r="CB58" s="58"/>
      <c r="CC58" s="58"/>
      <c r="CD58" s="58"/>
      <c r="CE58" s="58"/>
      <c r="CF58" s="58"/>
      <c r="CG58" s="58"/>
      <c r="CH58" s="58"/>
      <c r="CI58" s="59"/>
      <c r="CJ58" s="59"/>
      <c r="CK58" s="59"/>
      <c r="CL58" s="59"/>
      <c r="CM58" s="59"/>
      <c r="CN58" s="59"/>
      <c r="CO58" s="59"/>
      <c r="CP58" s="59"/>
      <c r="CQ58" s="59"/>
      <c r="CR58" s="60"/>
    </row>
    <row r="59" spans="1:96" ht="12" customHeight="1" x14ac:dyDescent="0.25">
      <c r="A59" s="133" t="s">
        <v>56</v>
      </c>
      <c r="B59" s="110" t="s">
        <v>55</v>
      </c>
      <c r="C59" s="140"/>
      <c r="D59" s="140"/>
      <c r="E59" s="29"/>
      <c r="F59" s="29"/>
      <c r="G59" s="29"/>
      <c r="H59" s="29"/>
      <c r="I59" s="29"/>
      <c r="J59" s="29"/>
      <c r="K59" s="29"/>
      <c r="L59" s="29"/>
      <c r="M59" s="29"/>
      <c r="N59" s="29"/>
      <c r="O59" s="29"/>
      <c r="P59" s="29"/>
      <c r="Q59" s="29"/>
      <c r="R59" s="29"/>
      <c r="S59" s="29"/>
      <c r="T59" s="29"/>
      <c r="U59" s="29"/>
      <c r="V59" s="29"/>
      <c r="W59" s="29"/>
      <c r="X59" s="29"/>
      <c r="Y59" s="29"/>
      <c r="Z59" s="29"/>
      <c r="AA59" s="29"/>
      <c r="AB59" s="29"/>
      <c r="AC59" s="29"/>
      <c r="AD59" s="29"/>
      <c r="AE59" s="29"/>
      <c r="AF59" s="29"/>
      <c r="AG59" s="29"/>
      <c r="AH59" s="29"/>
      <c r="AI59" s="29"/>
      <c r="AJ59" s="30"/>
      <c r="AK59" s="27"/>
      <c r="AL59" s="27"/>
      <c r="AM59" s="27"/>
      <c r="AN59" s="27"/>
      <c r="AO59" s="27"/>
      <c r="AP59" s="27"/>
      <c r="AQ59" s="27"/>
      <c r="AR59" s="27"/>
      <c r="AS59" s="27"/>
      <c r="AT59" s="27"/>
      <c r="AU59" s="27"/>
      <c r="AV59" s="27"/>
      <c r="AW59" s="27"/>
      <c r="AX59" s="27"/>
      <c r="AY59" s="27"/>
      <c r="AZ59" s="27"/>
      <c r="BA59" s="27"/>
      <c r="BB59" s="27"/>
      <c r="BC59" s="27"/>
      <c r="BD59" s="27"/>
      <c r="BE59" s="27"/>
      <c r="BF59" s="116"/>
      <c r="BG59" s="135"/>
      <c r="BH59" s="135"/>
      <c r="BI59" s="135"/>
      <c r="BJ59" s="135"/>
      <c r="BK59" s="135"/>
      <c r="BL59" s="135"/>
      <c r="BM59" s="135"/>
      <c r="BN59" s="135"/>
      <c r="BO59" s="136"/>
      <c r="BP59" s="100"/>
      <c r="BQ59" s="100"/>
      <c r="BR59" s="100"/>
      <c r="BS59" s="100"/>
      <c r="BT59" s="100"/>
      <c r="BU59" s="100"/>
      <c r="BV59" s="100"/>
      <c r="BW59" s="100"/>
      <c r="BX59" s="100"/>
      <c r="BY59" s="100"/>
      <c r="BZ59" s="100"/>
      <c r="CA59" s="100"/>
      <c r="CB59" s="100"/>
      <c r="CC59" s="100"/>
      <c r="CD59" s="100"/>
      <c r="CE59" s="100"/>
      <c r="CF59" s="100"/>
      <c r="CG59" s="100"/>
      <c r="CH59" s="100"/>
      <c r="CI59" s="100"/>
      <c r="CJ59" s="100"/>
      <c r="CK59" s="100"/>
      <c r="CL59" s="100"/>
      <c r="CM59" s="100"/>
      <c r="CN59" s="100"/>
      <c r="CO59" s="100"/>
      <c r="CP59" s="100"/>
      <c r="CQ59" s="100"/>
      <c r="CR59" s="101"/>
    </row>
    <row r="60" spans="1:96" ht="12" customHeight="1" x14ac:dyDescent="0.25">
      <c r="A60" s="133"/>
      <c r="B60" s="110"/>
      <c r="C60" s="141"/>
      <c r="D60" s="141"/>
      <c r="E60" s="118"/>
      <c r="F60" s="119"/>
      <c r="G60" s="119"/>
      <c r="H60" s="119"/>
      <c r="I60" s="119"/>
      <c r="J60" s="119"/>
      <c r="K60" s="119"/>
      <c r="L60" s="119"/>
      <c r="M60" s="119"/>
      <c r="N60" s="119"/>
      <c r="O60" s="119"/>
      <c r="P60" s="119"/>
      <c r="Q60" s="119"/>
      <c r="R60" s="119"/>
      <c r="S60" s="119"/>
      <c r="T60" s="119"/>
      <c r="U60" s="119"/>
      <c r="V60" s="119"/>
      <c r="W60" s="119"/>
      <c r="X60" s="119"/>
      <c r="Y60" s="119"/>
      <c r="Z60" s="119"/>
      <c r="AA60" s="119"/>
      <c r="AB60" s="119"/>
      <c r="AC60" s="119"/>
      <c r="AD60" s="119"/>
      <c r="AE60" s="119"/>
      <c r="AF60" s="119"/>
      <c r="AG60" s="119"/>
      <c r="AH60" s="119"/>
      <c r="AI60" s="120"/>
      <c r="AJ60" s="121">
        <v>1</v>
      </c>
      <c r="AK60" s="122"/>
      <c r="AL60" s="122"/>
      <c r="AM60" s="122"/>
      <c r="AN60" s="122"/>
      <c r="AO60" s="122"/>
      <c r="AP60" s="122"/>
      <c r="AQ60" s="122"/>
      <c r="AR60" s="122"/>
      <c r="AS60" s="122"/>
      <c r="AT60" s="122"/>
      <c r="AU60" s="122"/>
      <c r="AV60" s="122"/>
      <c r="AW60" s="122"/>
      <c r="AX60" s="122"/>
      <c r="AY60" s="122"/>
      <c r="AZ60" s="122"/>
      <c r="BA60" s="122"/>
      <c r="BB60" s="122"/>
      <c r="BC60" s="122"/>
      <c r="BD60" s="122"/>
      <c r="BE60" s="122"/>
      <c r="BF60" s="122"/>
      <c r="BG60" s="122"/>
      <c r="BH60" s="122"/>
      <c r="BI60" s="122"/>
      <c r="BJ60" s="122"/>
      <c r="BK60" s="122"/>
      <c r="BL60" s="122"/>
      <c r="BM60" s="122"/>
      <c r="BN60" s="122"/>
      <c r="BO60" s="118"/>
      <c r="BP60" s="119"/>
      <c r="BQ60" s="119"/>
      <c r="BR60" s="119"/>
      <c r="BS60" s="119"/>
      <c r="BT60" s="119"/>
      <c r="BU60" s="119"/>
      <c r="BV60" s="119"/>
      <c r="BW60" s="119"/>
      <c r="BX60" s="119"/>
      <c r="BY60" s="119"/>
      <c r="BZ60" s="119"/>
      <c r="CA60" s="119"/>
      <c r="CB60" s="119"/>
      <c r="CC60" s="119"/>
      <c r="CD60" s="119"/>
      <c r="CE60" s="119"/>
      <c r="CF60" s="119"/>
      <c r="CG60" s="119"/>
      <c r="CH60" s="119"/>
      <c r="CI60" s="100"/>
      <c r="CJ60" s="100"/>
      <c r="CK60" s="100"/>
      <c r="CL60" s="100"/>
      <c r="CM60" s="100"/>
      <c r="CN60" s="100"/>
      <c r="CO60" s="100"/>
      <c r="CP60" s="100"/>
      <c r="CQ60" s="100"/>
      <c r="CR60" s="101"/>
    </row>
    <row r="61" spans="1:96" ht="12" customHeight="1" x14ac:dyDescent="0.25">
      <c r="A61" s="133"/>
      <c r="B61" s="110"/>
      <c r="C61" s="142"/>
      <c r="D61" s="142"/>
      <c r="E61" s="97"/>
      <c r="F61" s="98"/>
      <c r="G61" s="98"/>
      <c r="H61" s="98"/>
      <c r="I61" s="98"/>
      <c r="J61" s="98"/>
      <c r="K61" s="98"/>
      <c r="L61" s="98"/>
      <c r="M61" s="98"/>
      <c r="N61" s="98"/>
      <c r="O61" s="98"/>
      <c r="P61" s="98"/>
      <c r="Q61" s="98"/>
      <c r="R61" s="98"/>
      <c r="S61" s="98"/>
      <c r="T61" s="98"/>
      <c r="U61" s="98"/>
      <c r="V61" s="98"/>
      <c r="W61" s="98"/>
      <c r="X61" s="98"/>
      <c r="Y61" s="98"/>
      <c r="Z61" s="98"/>
      <c r="AA61" s="98"/>
      <c r="AB61" s="98"/>
      <c r="AC61" s="98"/>
      <c r="AD61" s="98"/>
      <c r="AE61" s="98"/>
      <c r="AF61" s="98"/>
      <c r="AG61" s="98"/>
      <c r="AH61" s="98"/>
      <c r="AI61" s="99"/>
      <c r="AJ61" s="97"/>
      <c r="AK61" s="98"/>
      <c r="AL61" s="98"/>
      <c r="AM61" s="98"/>
      <c r="AN61" s="98"/>
      <c r="AO61" s="98"/>
      <c r="AP61" s="98"/>
      <c r="AQ61" s="98"/>
      <c r="AR61" s="98"/>
      <c r="AS61" s="98"/>
      <c r="AT61" s="98"/>
      <c r="AU61" s="98"/>
      <c r="AV61" s="98"/>
      <c r="AW61" s="98"/>
      <c r="AX61" s="98"/>
      <c r="AY61" s="98"/>
      <c r="AZ61" s="98"/>
      <c r="BA61" s="98"/>
      <c r="BB61" s="98"/>
      <c r="BC61" s="98"/>
      <c r="BD61" s="98"/>
      <c r="BE61" s="98"/>
      <c r="BF61" s="98"/>
      <c r="BG61" s="98"/>
      <c r="BH61" s="98"/>
      <c r="BI61" s="98"/>
      <c r="BJ61" s="98"/>
      <c r="BK61" s="98"/>
      <c r="BL61" s="98"/>
      <c r="BM61" s="98"/>
      <c r="BN61" s="98"/>
      <c r="BO61" s="97"/>
      <c r="BP61" s="98"/>
      <c r="BQ61" s="98"/>
      <c r="BR61" s="98"/>
      <c r="BS61" s="98"/>
      <c r="BT61" s="98"/>
      <c r="BU61" s="98"/>
      <c r="BV61" s="98"/>
      <c r="BW61" s="98"/>
      <c r="BX61" s="98"/>
      <c r="BY61" s="98"/>
      <c r="BZ61" s="98"/>
      <c r="CA61" s="98"/>
      <c r="CB61" s="98"/>
      <c r="CC61" s="98"/>
      <c r="CD61" s="98"/>
      <c r="CE61" s="98"/>
      <c r="CF61" s="98"/>
      <c r="CG61" s="98"/>
      <c r="CH61" s="98"/>
      <c r="CI61" s="100"/>
      <c r="CJ61" s="100"/>
      <c r="CK61" s="100"/>
      <c r="CL61" s="100"/>
      <c r="CM61" s="100"/>
      <c r="CN61" s="100"/>
      <c r="CO61" s="100"/>
      <c r="CP61" s="100"/>
      <c r="CQ61" s="100"/>
      <c r="CR61" s="101"/>
    </row>
    <row r="62" spans="1:96" ht="36.75" customHeight="1" x14ac:dyDescent="0.2">
      <c r="A62" s="50" t="s">
        <v>57</v>
      </c>
      <c r="B62" s="51" t="s">
        <v>58</v>
      </c>
      <c r="C62" s="84"/>
      <c r="D62" s="84"/>
      <c r="E62" s="22"/>
      <c r="F62" s="22"/>
      <c r="G62" s="22"/>
      <c r="H62" s="22"/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2"/>
      <c r="T62" s="22"/>
      <c r="U62" s="22"/>
      <c r="V62" s="22"/>
      <c r="W62" s="22"/>
      <c r="X62" s="22"/>
      <c r="Y62" s="22"/>
      <c r="Z62" s="22"/>
      <c r="AA62" s="22"/>
      <c r="AB62" s="22"/>
      <c r="AC62" s="22"/>
      <c r="AD62" s="22"/>
      <c r="AE62" s="22"/>
      <c r="AF62" s="22"/>
      <c r="AG62" s="22"/>
      <c r="AH62" s="22"/>
      <c r="AI62" s="22"/>
      <c r="AJ62" s="21"/>
      <c r="AK62" s="22"/>
      <c r="AL62" s="22"/>
      <c r="AM62" s="22"/>
      <c r="AN62" s="22"/>
      <c r="AO62" s="22"/>
      <c r="AP62" s="22"/>
      <c r="AQ62" s="22"/>
      <c r="AR62" s="22"/>
      <c r="AS62" s="22"/>
      <c r="AT62" s="22"/>
      <c r="AU62" s="22"/>
      <c r="AV62" s="22"/>
      <c r="AW62" s="22"/>
      <c r="AX62" s="22"/>
      <c r="AY62" s="22"/>
      <c r="AZ62" s="22"/>
      <c r="BA62" s="22"/>
      <c r="BB62" s="22"/>
      <c r="BC62" s="22"/>
      <c r="BD62" s="22"/>
      <c r="BE62" s="22"/>
      <c r="BF62" s="22"/>
      <c r="BG62" s="22"/>
      <c r="BH62" s="22"/>
      <c r="BI62" s="22"/>
      <c r="BJ62" s="22"/>
      <c r="BK62" s="22"/>
      <c r="BL62" s="22"/>
      <c r="BM62" s="22"/>
      <c r="BN62" s="22"/>
      <c r="BO62" s="57"/>
      <c r="BP62" s="58"/>
      <c r="BQ62" s="58"/>
      <c r="BR62" s="58"/>
      <c r="BS62" s="58"/>
      <c r="BT62" s="58"/>
      <c r="BU62" s="58"/>
      <c r="BV62" s="58"/>
      <c r="BW62" s="58"/>
      <c r="BX62" s="58"/>
      <c r="BY62" s="58"/>
      <c r="BZ62" s="58"/>
      <c r="CA62" s="58"/>
      <c r="CB62" s="58"/>
      <c r="CC62" s="58"/>
      <c r="CD62" s="58"/>
      <c r="CE62" s="58"/>
      <c r="CF62" s="58"/>
      <c r="CG62" s="58"/>
      <c r="CH62" s="58"/>
      <c r="CI62" s="59"/>
      <c r="CJ62" s="59"/>
      <c r="CK62" s="59"/>
      <c r="CL62" s="59"/>
      <c r="CM62" s="59"/>
      <c r="CN62" s="59"/>
      <c r="CO62" s="59"/>
      <c r="CP62" s="59"/>
      <c r="CQ62" s="59"/>
      <c r="CR62" s="60"/>
    </row>
    <row r="63" spans="1:96" ht="12" customHeight="1" x14ac:dyDescent="0.25">
      <c r="A63" s="133" t="s">
        <v>59</v>
      </c>
      <c r="B63" s="110" t="s">
        <v>58</v>
      </c>
      <c r="C63" s="140"/>
      <c r="D63" s="140"/>
      <c r="E63" s="29"/>
      <c r="F63" s="29"/>
      <c r="G63" s="29"/>
      <c r="H63" s="29"/>
      <c r="I63" s="29"/>
      <c r="J63" s="29"/>
      <c r="K63" s="29"/>
      <c r="L63" s="29"/>
      <c r="M63" s="29"/>
      <c r="N63" s="29"/>
      <c r="O63" s="29"/>
      <c r="P63" s="29"/>
      <c r="Q63" s="29"/>
      <c r="R63" s="29"/>
      <c r="S63" s="29"/>
      <c r="T63" s="29"/>
      <c r="U63" s="29"/>
      <c r="V63" s="29"/>
      <c r="W63" s="29"/>
      <c r="X63" s="29"/>
      <c r="Y63" s="29"/>
      <c r="Z63" s="29"/>
      <c r="AA63" s="29"/>
      <c r="AB63" s="29"/>
      <c r="AC63" s="29"/>
      <c r="AD63" s="29"/>
      <c r="AE63" s="29"/>
      <c r="AF63" s="29"/>
      <c r="AG63" s="29"/>
      <c r="AH63" s="29"/>
      <c r="AI63" s="29"/>
      <c r="AJ63" s="42"/>
      <c r="AK63" s="26"/>
      <c r="AL63" s="26"/>
      <c r="AM63" s="26"/>
      <c r="AN63" s="26"/>
      <c r="AO63" s="27"/>
      <c r="AP63" s="27"/>
      <c r="AQ63" s="27"/>
      <c r="AR63" s="27"/>
      <c r="AS63" s="27"/>
      <c r="AT63" s="27"/>
      <c r="AU63" s="27"/>
      <c r="AV63" s="27"/>
      <c r="AW63" s="27"/>
      <c r="AX63" s="27"/>
      <c r="AY63" s="27"/>
      <c r="AZ63" s="27"/>
      <c r="BA63" s="27"/>
      <c r="BB63" s="27"/>
      <c r="BC63" s="27"/>
      <c r="BD63" s="27"/>
      <c r="BE63" s="27"/>
      <c r="BF63" s="66"/>
      <c r="BG63" s="36"/>
      <c r="BH63" s="36"/>
      <c r="BI63" s="36"/>
      <c r="BJ63" s="36"/>
      <c r="BK63" s="36"/>
      <c r="BL63" s="36"/>
      <c r="BM63" s="36"/>
      <c r="BN63" s="36"/>
      <c r="BO63" s="136"/>
      <c r="BP63" s="100"/>
      <c r="BQ63" s="100"/>
      <c r="BR63" s="100"/>
      <c r="BS63" s="100"/>
      <c r="BT63" s="100"/>
      <c r="BU63" s="100"/>
      <c r="BV63" s="100"/>
      <c r="BW63" s="100"/>
      <c r="BX63" s="100"/>
      <c r="BY63" s="100"/>
      <c r="BZ63" s="100"/>
      <c r="CA63" s="100"/>
      <c r="CB63" s="100"/>
      <c r="CC63" s="100"/>
      <c r="CD63" s="100"/>
      <c r="CE63" s="100"/>
      <c r="CF63" s="100"/>
      <c r="CG63" s="100"/>
      <c r="CH63" s="100"/>
      <c r="CI63" s="100"/>
      <c r="CJ63" s="100"/>
      <c r="CK63" s="100"/>
      <c r="CL63" s="100"/>
      <c r="CM63" s="100"/>
      <c r="CN63" s="100"/>
      <c r="CO63" s="100"/>
      <c r="CP63" s="100"/>
      <c r="CQ63" s="100"/>
      <c r="CR63" s="101"/>
    </row>
    <row r="64" spans="1:96" ht="12" customHeight="1" x14ac:dyDescent="0.25">
      <c r="A64" s="133"/>
      <c r="B64" s="110"/>
      <c r="C64" s="141"/>
      <c r="D64" s="141"/>
      <c r="E64" s="137"/>
      <c r="F64" s="138"/>
      <c r="G64" s="138"/>
      <c r="H64" s="138"/>
      <c r="I64" s="138"/>
      <c r="J64" s="138"/>
      <c r="K64" s="138"/>
      <c r="L64" s="138"/>
      <c r="M64" s="138"/>
      <c r="N64" s="138"/>
      <c r="O64" s="138"/>
      <c r="P64" s="138"/>
      <c r="Q64" s="138"/>
      <c r="R64" s="138"/>
      <c r="S64" s="138"/>
      <c r="T64" s="138"/>
      <c r="U64" s="138"/>
      <c r="V64" s="138"/>
      <c r="W64" s="138"/>
      <c r="X64" s="138"/>
      <c r="Y64" s="138"/>
      <c r="Z64" s="138"/>
      <c r="AA64" s="138"/>
      <c r="AB64" s="138"/>
      <c r="AC64" s="138"/>
      <c r="AD64" s="138"/>
      <c r="AE64" s="138"/>
      <c r="AF64" s="138"/>
      <c r="AG64" s="138"/>
      <c r="AH64" s="138"/>
      <c r="AI64" s="139"/>
      <c r="AJ64" s="94">
        <v>1</v>
      </c>
      <c r="AK64" s="95"/>
      <c r="AL64" s="95"/>
      <c r="AM64" s="95"/>
      <c r="AN64" s="95"/>
      <c r="AO64" s="95"/>
      <c r="AP64" s="95"/>
      <c r="AQ64" s="95"/>
      <c r="AR64" s="95"/>
      <c r="AS64" s="95"/>
      <c r="AT64" s="95"/>
      <c r="AU64" s="95"/>
      <c r="AV64" s="95"/>
      <c r="AW64" s="95"/>
      <c r="AX64" s="95"/>
      <c r="AY64" s="95"/>
      <c r="AZ64" s="95"/>
      <c r="BA64" s="95"/>
      <c r="BB64" s="95"/>
      <c r="BC64" s="95"/>
      <c r="BD64" s="95"/>
      <c r="BE64" s="95"/>
      <c r="BF64" s="95"/>
      <c r="BG64" s="95"/>
      <c r="BH64" s="95"/>
      <c r="BI64" s="95"/>
      <c r="BJ64" s="95"/>
      <c r="BK64" s="95"/>
      <c r="BL64" s="95"/>
      <c r="BM64" s="95"/>
      <c r="BN64" s="95"/>
      <c r="BO64" s="118"/>
      <c r="BP64" s="119"/>
      <c r="BQ64" s="119"/>
      <c r="BR64" s="119"/>
      <c r="BS64" s="119"/>
      <c r="BT64" s="119"/>
      <c r="BU64" s="119"/>
      <c r="BV64" s="119"/>
      <c r="BW64" s="119"/>
      <c r="BX64" s="119"/>
      <c r="BY64" s="119"/>
      <c r="BZ64" s="119"/>
      <c r="CA64" s="119"/>
      <c r="CB64" s="119"/>
      <c r="CC64" s="119"/>
      <c r="CD64" s="119"/>
      <c r="CE64" s="119"/>
      <c r="CF64" s="119"/>
      <c r="CG64" s="119"/>
      <c r="CH64" s="119"/>
      <c r="CI64" s="100"/>
      <c r="CJ64" s="100"/>
      <c r="CK64" s="100"/>
      <c r="CL64" s="100"/>
      <c r="CM64" s="100"/>
      <c r="CN64" s="100"/>
      <c r="CO64" s="100"/>
      <c r="CP64" s="100"/>
      <c r="CQ64" s="100"/>
      <c r="CR64" s="101"/>
    </row>
    <row r="65" spans="1:96" ht="12" customHeight="1" x14ac:dyDescent="0.25">
      <c r="A65" s="133"/>
      <c r="B65" s="110"/>
      <c r="C65" s="142"/>
      <c r="D65" s="142"/>
      <c r="E65" s="97"/>
      <c r="F65" s="98"/>
      <c r="G65" s="98"/>
      <c r="H65" s="98"/>
      <c r="I65" s="98"/>
      <c r="J65" s="98"/>
      <c r="K65" s="98"/>
      <c r="L65" s="98"/>
      <c r="M65" s="98"/>
      <c r="N65" s="98"/>
      <c r="O65" s="98"/>
      <c r="P65" s="98"/>
      <c r="Q65" s="98"/>
      <c r="R65" s="98"/>
      <c r="S65" s="98"/>
      <c r="T65" s="98"/>
      <c r="U65" s="98"/>
      <c r="V65" s="98"/>
      <c r="W65" s="98"/>
      <c r="X65" s="98"/>
      <c r="Y65" s="98"/>
      <c r="Z65" s="98"/>
      <c r="AA65" s="98"/>
      <c r="AB65" s="98"/>
      <c r="AC65" s="98"/>
      <c r="AD65" s="98"/>
      <c r="AE65" s="98"/>
      <c r="AF65" s="98"/>
      <c r="AG65" s="98"/>
      <c r="AH65" s="98"/>
      <c r="AI65" s="99"/>
      <c r="AJ65" s="97"/>
      <c r="AK65" s="98"/>
      <c r="AL65" s="98"/>
      <c r="AM65" s="98"/>
      <c r="AN65" s="98"/>
      <c r="AO65" s="98"/>
      <c r="AP65" s="98"/>
      <c r="AQ65" s="98"/>
      <c r="AR65" s="98"/>
      <c r="AS65" s="98"/>
      <c r="AT65" s="98"/>
      <c r="AU65" s="98"/>
      <c r="AV65" s="98"/>
      <c r="AW65" s="98"/>
      <c r="AX65" s="98"/>
      <c r="AY65" s="98"/>
      <c r="AZ65" s="98"/>
      <c r="BA65" s="98"/>
      <c r="BB65" s="98"/>
      <c r="BC65" s="98"/>
      <c r="BD65" s="98"/>
      <c r="BE65" s="98"/>
      <c r="BF65" s="98"/>
      <c r="BG65" s="98"/>
      <c r="BH65" s="98"/>
      <c r="BI65" s="98"/>
      <c r="BJ65" s="98"/>
      <c r="BK65" s="98"/>
      <c r="BL65" s="98"/>
      <c r="BM65" s="98"/>
      <c r="BN65" s="98"/>
      <c r="BO65" s="97"/>
      <c r="BP65" s="98"/>
      <c r="BQ65" s="98"/>
      <c r="BR65" s="98"/>
      <c r="BS65" s="98"/>
      <c r="BT65" s="98"/>
      <c r="BU65" s="98"/>
      <c r="BV65" s="98"/>
      <c r="BW65" s="98"/>
      <c r="BX65" s="98"/>
      <c r="BY65" s="98"/>
      <c r="BZ65" s="98"/>
      <c r="CA65" s="98"/>
      <c r="CB65" s="98"/>
      <c r="CC65" s="98"/>
      <c r="CD65" s="98"/>
      <c r="CE65" s="98"/>
      <c r="CF65" s="98"/>
      <c r="CG65" s="98"/>
      <c r="CH65" s="98"/>
      <c r="CI65" s="100"/>
      <c r="CJ65" s="100"/>
      <c r="CK65" s="100"/>
      <c r="CL65" s="100"/>
      <c r="CM65" s="100"/>
      <c r="CN65" s="100"/>
      <c r="CO65" s="100"/>
      <c r="CP65" s="100"/>
      <c r="CQ65" s="100"/>
      <c r="CR65" s="101"/>
    </row>
    <row r="66" spans="1:96" ht="36.75" customHeight="1" x14ac:dyDescent="0.2">
      <c r="A66" s="50" t="s">
        <v>60</v>
      </c>
      <c r="B66" s="51" t="s">
        <v>61</v>
      </c>
      <c r="C66" s="84"/>
      <c r="D66" s="84"/>
      <c r="E66" s="22"/>
      <c r="F66" s="22"/>
      <c r="G66" s="22"/>
      <c r="H66" s="22"/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2"/>
      <c r="T66" s="22"/>
      <c r="U66" s="22"/>
      <c r="V66" s="22"/>
      <c r="W66" s="22"/>
      <c r="X66" s="22"/>
      <c r="Y66" s="22"/>
      <c r="Z66" s="22"/>
      <c r="AA66" s="22"/>
      <c r="AB66" s="22"/>
      <c r="AC66" s="22"/>
      <c r="AD66" s="22"/>
      <c r="AE66" s="22"/>
      <c r="AF66" s="22"/>
      <c r="AG66" s="22"/>
      <c r="AH66" s="22"/>
      <c r="AI66" s="22"/>
      <c r="AJ66" s="21"/>
      <c r="AK66" s="22"/>
      <c r="AL66" s="22"/>
      <c r="AM66" s="22"/>
      <c r="AN66" s="22"/>
      <c r="AO66" s="22"/>
      <c r="AP66" s="22"/>
      <c r="AQ66" s="22"/>
      <c r="AR66" s="22"/>
      <c r="AS66" s="22"/>
      <c r="AT66" s="22"/>
      <c r="AU66" s="22"/>
      <c r="AV66" s="22"/>
      <c r="AW66" s="22"/>
      <c r="AX66" s="22"/>
      <c r="AY66" s="22"/>
      <c r="AZ66" s="22"/>
      <c r="BA66" s="22"/>
      <c r="BB66" s="22"/>
      <c r="BC66" s="22"/>
      <c r="BD66" s="22"/>
      <c r="BE66" s="22"/>
      <c r="BF66" s="22"/>
      <c r="BG66" s="22"/>
      <c r="BH66" s="22"/>
      <c r="BI66" s="22"/>
      <c r="BJ66" s="22"/>
      <c r="BK66" s="22"/>
      <c r="BL66" s="22"/>
      <c r="BM66" s="22"/>
      <c r="BN66" s="22"/>
      <c r="BO66" s="57"/>
      <c r="BP66" s="58"/>
      <c r="BQ66" s="58"/>
      <c r="BR66" s="58"/>
      <c r="BS66" s="58"/>
      <c r="BT66" s="58"/>
      <c r="BU66" s="58"/>
      <c r="BV66" s="58"/>
      <c r="BW66" s="58"/>
      <c r="BX66" s="58"/>
      <c r="BY66" s="58"/>
      <c r="BZ66" s="58"/>
      <c r="CA66" s="58"/>
      <c r="CB66" s="58"/>
      <c r="CC66" s="58"/>
      <c r="CD66" s="58"/>
      <c r="CE66" s="58"/>
      <c r="CF66" s="58"/>
      <c r="CG66" s="58"/>
      <c r="CH66" s="58"/>
      <c r="CI66" s="59"/>
      <c r="CJ66" s="59"/>
      <c r="CK66" s="59"/>
      <c r="CL66" s="59"/>
      <c r="CM66" s="59"/>
      <c r="CN66" s="59"/>
      <c r="CO66" s="59"/>
      <c r="CP66" s="59"/>
      <c r="CQ66" s="59"/>
      <c r="CR66" s="60"/>
    </row>
    <row r="67" spans="1:96" ht="12" customHeight="1" x14ac:dyDescent="0.25">
      <c r="A67" s="133" t="s">
        <v>62</v>
      </c>
      <c r="B67" s="110" t="s">
        <v>61</v>
      </c>
      <c r="C67" s="140"/>
      <c r="D67" s="140"/>
      <c r="E67" s="29"/>
      <c r="F67" s="29"/>
      <c r="G67" s="29"/>
      <c r="H67" s="29"/>
      <c r="I67" s="29"/>
      <c r="J67" s="29"/>
      <c r="K67" s="29"/>
      <c r="L67" s="29"/>
      <c r="M67" s="29"/>
      <c r="N67" s="29"/>
      <c r="O67" s="29"/>
      <c r="P67" s="29"/>
      <c r="Q67" s="29"/>
      <c r="R67" s="29"/>
      <c r="S67" s="29"/>
      <c r="T67" s="29"/>
      <c r="U67" s="29"/>
      <c r="V67" s="29"/>
      <c r="W67" s="29"/>
      <c r="X67" s="29"/>
      <c r="Y67" s="29"/>
      <c r="Z67" s="29"/>
      <c r="AA67" s="29"/>
      <c r="AB67" s="29"/>
      <c r="AC67" s="29"/>
      <c r="AD67" s="29"/>
      <c r="AE67" s="29"/>
      <c r="AF67" s="29"/>
      <c r="AG67" s="29"/>
      <c r="AH67" s="29"/>
      <c r="AI67" s="29"/>
      <c r="AJ67" s="42"/>
      <c r="AK67" s="26"/>
      <c r="AL67" s="26"/>
      <c r="AM67" s="26"/>
      <c r="AN67" s="26"/>
      <c r="AO67" s="26"/>
      <c r="AP67" s="26"/>
      <c r="AQ67" s="26"/>
      <c r="AR67" s="26"/>
      <c r="AS67" s="26"/>
      <c r="AT67" s="26"/>
      <c r="AU67" s="26"/>
      <c r="AV67" s="26"/>
      <c r="AW67" s="26"/>
      <c r="AX67" s="26"/>
      <c r="AY67" s="26"/>
      <c r="AZ67" s="26"/>
      <c r="BA67" s="26"/>
      <c r="BB67" s="26"/>
      <c r="BC67" s="26"/>
      <c r="BD67" s="26"/>
      <c r="BE67" s="26"/>
      <c r="BF67" s="116"/>
      <c r="BG67" s="135"/>
      <c r="BH67" s="135"/>
      <c r="BI67" s="135"/>
      <c r="BJ67" s="135"/>
      <c r="BK67" s="135"/>
      <c r="BL67" s="135"/>
      <c r="BM67" s="135"/>
      <c r="BN67" s="135"/>
      <c r="BO67" s="136"/>
      <c r="BP67" s="100"/>
      <c r="BQ67" s="100"/>
      <c r="BR67" s="100"/>
      <c r="BS67" s="100"/>
      <c r="BT67" s="100"/>
      <c r="BU67" s="100"/>
      <c r="BV67" s="100"/>
      <c r="BW67" s="100"/>
      <c r="BX67" s="100"/>
      <c r="BY67" s="100"/>
      <c r="BZ67" s="100"/>
      <c r="CA67" s="100"/>
      <c r="CB67" s="100"/>
      <c r="CC67" s="100"/>
      <c r="CD67" s="100"/>
      <c r="CE67" s="100"/>
      <c r="CF67" s="100"/>
      <c r="CG67" s="100"/>
      <c r="CH67" s="100"/>
      <c r="CI67" s="100"/>
      <c r="CJ67" s="100"/>
      <c r="CK67" s="100"/>
      <c r="CL67" s="100"/>
      <c r="CM67" s="100"/>
      <c r="CN67" s="100"/>
      <c r="CO67" s="100"/>
      <c r="CP67" s="100"/>
      <c r="CQ67" s="100"/>
      <c r="CR67" s="101"/>
    </row>
    <row r="68" spans="1:96" ht="12" customHeight="1" x14ac:dyDescent="0.25">
      <c r="A68" s="133"/>
      <c r="B68" s="110"/>
      <c r="C68" s="141"/>
      <c r="D68" s="141"/>
      <c r="E68" s="137"/>
      <c r="F68" s="138"/>
      <c r="G68" s="138"/>
      <c r="H68" s="138"/>
      <c r="I68" s="138"/>
      <c r="J68" s="138"/>
      <c r="K68" s="138"/>
      <c r="L68" s="138"/>
      <c r="M68" s="138"/>
      <c r="N68" s="138"/>
      <c r="O68" s="138"/>
      <c r="P68" s="138"/>
      <c r="Q68" s="138"/>
      <c r="R68" s="138"/>
      <c r="S68" s="138"/>
      <c r="T68" s="138"/>
      <c r="U68" s="138"/>
      <c r="V68" s="138"/>
      <c r="W68" s="138"/>
      <c r="X68" s="138"/>
      <c r="Y68" s="138"/>
      <c r="Z68" s="138"/>
      <c r="AA68" s="138"/>
      <c r="AB68" s="138"/>
      <c r="AC68" s="138"/>
      <c r="AD68" s="138"/>
      <c r="AE68" s="138"/>
      <c r="AF68" s="138"/>
      <c r="AG68" s="138"/>
      <c r="AH68" s="138"/>
      <c r="AI68" s="139"/>
      <c r="AJ68" s="94">
        <v>1</v>
      </c>
      <c r="AK68" s="95"/>
      <c r="AL68" s="95"/>
      <c r="AM68" s="95"/>
      <c r="AN68" s="95"/>
      <c r="AO68" s="95"/>
      <c r="AP68" s="95"/>
      <c r="AQ68" s="95"/>
      <c r="AR68" s="95"/>
      <c r="AS68" s="95"/>
      <c r="AT68" s="95"/>
      <c r="AU68" s="95"/>
      <c r="AV68" s="95"/>
      <c r="AW68" s="95"/>
      <c r="AX68" s="95"/>
      <c r="AY68" s="95"/>
      <c r="AZ68" s="95"/>
      <c r="BA68" s="95"/>
      <c r="BB68" s="95"/>
      <c r="BC68" s="95"/>
      <c r="BD68" s="95"/>
      <c r="BE68" s="95"/>
      <c r="BF68" s="95"/>
      <c r="BG68" s="95"/>
      <c r="BH68" s="95"/>
      <c r="BI68" s="95"/>
      <c r="BJ68" s="95"/>
      <c r="BK68" s="95"/>
      <c r="BL68" s="95"/>
      <c r="BM68" s="95"/>
      <c r="BN68" s="95"/>
      <c r="BO68" s="118"/>
      <c r="BP68" s="119"/>
      <c r="BQ68" s="119"/>
      <c r="BR68" s="119"/>
      <c r="BS68" s="119"/>
      <c r="BT68" s="119"/>
      <c r="BU68" s="119"/>
      <c r="BV68" s="119"/>
      <c r="BW68" s="119"/>
      <c r="BX68" s="119"/>
      <c r="BY68" s="119"/>
      <c r="BZ68" s="119"/>
      <c r="CA68" s="119"/>
      <c r="CB68" s="119"/>
      <c r="CC68" s="119"/>
      <c r="CD68" s="119"/>
      <c r="CE68" s="119"/>
      <c r="CF68" s="119"/>
      <c r="CG68" s="119"/>
      <c r="CH68" s="119"/>
      <c r="CI68" s="100"/>
      <c r="CJ68" s="100"/>
      <c r="CK68" s="100"/>
      <c r="CL68" s="100"/>
      <c r="CM68" s="100"/>
      <c r="CN68" s="100"/>
      <c r="CO68" s="100"/>
      <c r="CP68" s="100"/>
      <c r="CQ68" s="100"/>
      <c r="CR68" s="101"/>
    </row>
    <row r="69" spans="1:96" ht="12" customHeight="1" x14ac:dyDescent="0.25">
      <c r="A69" s="133"/>
      <c r="B69" s="110"/>
      <c r="C69" s="142"/>
      <c r="D69" s="142"/>
      <c r="E69" s="97"/>
      <c r="F69" s="98"/>
      <c r="G69" s="98"/>
      <c r="H69" s="98"/>
      <c r="I69" s="98"/>
      <c r="J69" s="98"/>
      <c r="K69" s="98"/>
      <c r="L69" s="98"/>
      <c r="M69" s="98"/>
      <c r="N69" s="98"/>
      <c r="O69" s="98"/>
      <c r="P69" s="98"/>
      <c r="Q69" s="98"/>
      <c r="R69" s="98"/>
      <c r="S69" s="98"/>
      <c r="T69" s="98"/>
      <c r="U69" s="98"/>
      <c r="V69" s="98"/>
      <c r="W69" s="98"/>
      <c r="X69" s="98"/>
      <c r="Y69" s="98"/>
      <c r="Z69" s="98"/>
      <c r="AA69" s="98"/>
      <c r="AB69" s="98"/>
      <c r="AC69" s="98"/>
      <c r="AD69" s="98"/>
      <c r="AE69" s="98"/>
      <c r="AF69" s="98"/>
      <c r="AG69" s="98"/>
      <c r="AH69" s="98"/>
      <c r="AI69" s="99"/>
      <c r="AJ69" s="97"/>
      <c r="AK69" s="98"/>
      <c r="AL69" s="98"/>
      <c r="AM69" s="98"/>
      <c r="AN69" s="98"/>
      <c r="AO69" s="98"/>
      <c r="AP69" s="98"/>
      <c r="AQ69" s="98"/>
      <c r="AR69" s="98"/>
      <c r="AS69" s="98"/>
      <c r="AT69" s="98"/>
      <c r="AU69" s="98"/>
      <c r="AV69" s="98"/>
      <c r="AW69" s="98"/>
      <c r="AX69" s="98"/>
      <c r="AY69" s="98"/>
      <c r="AZ69" s="98"/>
      <c r="BA69" s="98"/>
      <c r="BB69" s="98"/>
      <c r="BC69" s="98"/>
      <c r="BD69" s="98"/>
      <c r="BE69" s="98"/>
      <c r="BF69" s="98"/>
      <c r="BG69" s="98"/>
      <c r="BH69" s="98"/>
      <c r="BI69" s="98"/>
      <c r="BJ69" s="98"/>
      <c r="BK69" s="98"/>
      <c r="BL69" s="98"/>
      <c r="BM69" s="98"/>
      <c r="BN69" s="98"/>
      <c r="BO69" s="97"/>
      <c r="BP69" s="98"/>
      <c r="BQ69" s="98"/>
      <c r="BR69" s="98"/>
      <c r="BS69" s="98"/>
      <c r="BT69" s="98"/>
      <c r="BU69" s="98"/>
      <c r="BV69" s="98"/>
      <c r="BW69" s="98"/>
      <c r="BX69" s="98"/>
      <c r="BY69" s="98"/>
      <c r="BZ69" s="98"/>
      <c r="CA69" s="98"/>
      <c r="CB69" s="98"/>
      <c r="CC69" s="98"/>
      <c r="CD69" s="98"/>
      <c r="CE69" s="98"/>
      <c r="CF69" s="98"/>
      <c r="CG69" s="98"/>
      <c r="CH69" s="98"/>
      <c r="CI69" s="100"/>
      <c r="CJ69" s="100"/>
      <c r="CK69" s="100"/>
      <c r="CL69" s="100"/>
      <c r="CM69" s="100"/>
      <c r="CN69" s="100"/>
      <c r="CO69" s="100"/>
      <c r="CP69" s="100"/>
      <c r="CQ69" s="100"/>
      <c r="CR69" s="101"/>
    </row>
    <row r="70" spans="1:96" ht="36.75" customHeight="1" x14ac:dyDescent="0.2">
      <c r="A70" s="67" t="s">
        <v>63</v>
      </c>
      <c r="B70" s="68" t="s">
        <v>64</v>
      </c>
      <c r="C70" s="85"/>
      <c r="D70" s="85"/>
      <c r="E70" s="22"/>
      <c r="F70" s="22"/>
      <c r="G70" s="22"/>
      <c r="H70" s="22"/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2"/>
      <c r="T70" s="22"/>
      <c r="U70" s="22"/>
      <c r="V70" s="22"/>
      <c r="W70" s="22"/>
      <c r="X70" s="22"/>
      <c r="Y70" s="22"/>
      <c r="Z70" s="22"/>
      <c r="AA70" s="22"/>
      <c r="AB70" s="22"/>
      <c r="AC70" s="22"/>
      <c r="AD70" s="22"/>
      <c r="AE70" s="22"/>
      <c r="AF70" s="22"/>
      <c r="AG70" s="22"/>
      <c r="AH70" s="22"/>
      <c r="AI70" s="22"/>
      <c r="AJ70" s="21"/>
      <c r="AK70" s="22"/>
      <c r="AL70" s="22"/>
      <c r="AM70" s="22"/>
      <c r="AN70" s="22"/>
      <c r="AO70" s="22"/>
      <c r="AP70" s="22"/>
      <c r="AQ70" s="22"/>
      <c r="AR70" s="22"/>
      <c r="AS70" s="22"/>
      <c r="AT70" s="22"/>
      <c r="AU70" s="22"/>
      <c r="AV70" s="22"/>
      <c r="AW70" s="22"/>
      <c r="AX70" s="22"/>
      <c r="AY70" s="22"/>
      <c r="AZ70" s="22"/>
      <c r="BA70" s="22"/>
      <c r="BB70" s="22"/>
      <c r="BC70" s="22"/>
      <c r="BD70" s="22"/>
      <c r="BE70" s="22"/>
      <c r="BF70" s="22"/>
      <c r="BG70" s="22"/>
      <c r="BH70" s="22"/>
      <c r="BI70" s="22"/>
      <c r="BJ70" s="22"/>
      <c r="BK70" s="22"/>
      <c r="BL70" s="22"/>
      <c r="BM70" s="22"/>
      <c r="BN70" s="22"/>
      <c r="BO70" s="57"/>
      <c r="BP70" s="58"/>
      <c r="BQ70" s="58"/>
      <c r="BR70" s="58"/>
      <c r="BS70" s="58"/>
      <c r="BT70" s="58"/>
      <c r="BU70" s="58"/>
      <c r="BV70" s="58"/>
      <c r="BW70" s="58"/>
      <c r="BX70" s="58"/>
      <c r="BY70" s="58"/>
      <c r="BZ70" s="58"/>
      <c r="CA70" s="58"/>
      <c r="CB70" s="58"/>
      <c r="CC70" s="58"/>
      <c r="CD70" s="58"/>
      <c r="CE70" s="58"/>
      <c r="CF70" s="58"/>
      <c r="CG70" s="58"/>
      <c r="CH70" s="58"/>
      <c r="CI70" s="59"/>
      <c r="CJ70" s="59"/>
      <c r="CK70" s="59"/>
      <c r="CL70" s="59"/>
      <c r="CM70" s="59"/>
      <c r="CN70" s="59"/>
      <c r="CO70" s="59"/>
      <c r="CP70" s="59"/>
      <c r="CQ70" s="59"/>
      <c r="CR70" s="60"/>
    </row>
    <row r="71" spans="1:96" ht="12" customHeight="1" x14ac:dyDescent="0.25">
      <c r="A71" s="133" t="s">
        <v>65</v>
      </c>
      <c r="B71" s="134" t="s">
        <v>66</v>
      </c>
      <c r="C71" s="140"/>
      <c r="D71" s="140"/>
      <c r="E71" s="29"/>
      <c r="F71" s="29"/>
      <c r="G71" s="29"/>
      <c r="H71" s="29"/>
      <c r="I71" s="29"/>
      <c r="J71" s="29"/>
      <c r="K71" s="29"/>
      <c r="L71" s="29"/>
      <c r="M71" s="29"/>
      <c r="N71" s="29"/>
      <c r="O71" s="29"/>
      <c r="P71" s="29"/>
      <c r="Q71" s="29"/>
      <c r="R71" s="29"/>
      <c r="S71" s="29"/>
      <c r="T71" s="29"/>
      <c r="U71" s="29"/>
      <c r="V71" s="29"/>
      <c r="W71" s="29"/>
      <c r="X71" s="29"/>
      <c r="Y71" s="29"/>
      <c r="Z71" s="29"/>
      <c r="AA71" s="29"/>
      <c r="AB71" s="29"/>
      <c r="AC71" s="29"/>
      <c r="AD71" s="29"/>
      <c r="AE71" s="29"/>
      <c r="AF71" s="29"/>
      <c r="AG71" s="29"/>
      <c r="AH71" s="29"/>
      <c r="AI71" s="29"/>
      <c r="AJ71" s="42"/>
      <c r="AK71" s="26"/>
      <c r="AL71" s="26"/>
      <c r="AM71" s="26"/>
      <c r="AN71" s="26"/>
      <c r="AO71" s="26"/>
      <c r="AP71" s="26"/>
      <c r="AQ71" s="26"/>
      <c r="AR71" s="26"/>
      <c r="AS71" s="26"/>
      <c r="AT71" s="26"/>
      <c r="AU71" s="26"/>
      <c r="AV71" s="26"/>
      <c r="AW71" s="26"/>
      <c r="AX71" s="26"/>
      <c r="AY71" s="26"/>
      <c r="AZ71" s="26"/>
      <c r="BA71" s="26"/>
      <c r="BB71" s="26"/>
      <c r="BC71" s="26"/>
      <c r="BD71" s="26"/>
      <c r="BE71" s="26"/>
      <c r="BF71" s="116"/>
      <c r="BG71" s="135"/>
      <c r="BH71" s="135"/>
      <c r="BI71" s="135"/>
      <c r="BJ71" s="135"/>
      <c r="BK71" s="135"/>
      <c r="BL71" s="135"/>
      <c r="BM71" s="135"/>
      <c r="BN71" s="135"/>
      <c r="BO71" s="62"/>
      <c r="BP71" s="63"/>
      <c r="BQ71" s="63"/>
      <c r="BR71" s="63"/>
      <c r="BS71" s="63"/>
      <c r="BT71" s="63"/>
      <c r="BU71" s="63"/>
      <c r="BV71" s="63"/>
      <c r="BW71" s="63"/>
      <c r="BX71" s="63"/>
      <c r="BY71" s="63"/>
      <c r="BZ71" s="63"/>
      <c r="CA71" s="63"/>
      <c r="CB71" s="63"/>
      <c r="CC71" s="63"/>
      <c r="CD71" s="65"/>
      <c r="CE71" s="65"/>
      <c r="CF71" s="65"/>
      <c r="CG71" s="65"/>
      <c r="CH71" s="65"/>
      <c r="CI71" s="46"/>
      <c r="CJ71" s="46"/>
      <c r="CK71" s="46"/>
      <c r="CL71" s="46"/>
      <c r="CM71" s="46"/>
      <c r="CN71" s="38"/>
      <c r="CO71" s="38"/>
      <c r="CP71" s="38"/>
      <c r="CQ71" s="38"/>
      <c r="CR71" s="39"/>
    </row>
    <row r="72" spans="1:96" ht="12" customHeight="1" x14ac:dyDescent="0.2">
      <c r="A72" s="133"/>
      <c r="B72" s="134"/>
      <c r="C72" s="141"/>
      <c r="D72" s="141"/>
      <c r="E72" s="118"/>
      <c r="F72" s="119"/>
      <c r="G72" s="119"/>
      <c r="H72" s="119"/>
      <c r="I72" s="119"/>
      <c r="J72" s="119"/>
      <c r="K72" s="119"/>
      <c r="L72" s="119"/>
      <c r="M72" s="119"/>
      <c r="N72" s="119"/>
      <c r="O72" s="119"/>
      <c r="P72" s="119"/>
      <c r="Q72" s="119"/>
      <c r="R72" s="119"/>
      <c r="S72" s="119"/>
      <c r="T72" s="119"/>
      <c r="U72" s="119"/>
      <c r="V72" s="119"/>
      <c r="W72" s="119"/>
      <c r="X72" s="119"/>
      <c r="Y72" s="119"/>
      <c r="Z72" s="119"/>
      <c r="AA72" s="119"/>
      <c r="AB72" s="119"/>
      <c r="AC72" s="119"/>
      <c r="AD72" s="119"/>
      <c r="AE72" s="119"/>
      <c r="AF72" s="119"/>
      <c r="AG72" s="119"/>
      <c r="AH72" s="119"/>
      <c r="AI72" s="120"/>
      <c r="AJ72" s="121">
        <v>0.9</v>
      </c>
      <c r="AK72" s="122"/>
      <c r="AL72" s="122"/>
      <c r="AM72" s="122"/>
      <c r="AN72" s="122"/>
      <c r="AO72" s="122"/>
      <c r="AP72" s="122"/>
      <c r="AQ72" s="122"/>
      <c r="AR72" s="122"/>
      <c r="AS72" s="122"/>
      <c r="AT72" s="122"/>
      <c r="AU72" s="122"/>
      <c r="AV72" s="122"/>
      <c r="AW72" s="122"/>
      <c r="AX72" s="122"/>
      <c r="AY72" s="122"/>
      <c r="AZ72" s="122"/>
      <c r="BA72" s="122"/>
      <c r="BB72" s="122"/>
      <c r="BC72" s="122"/>
      <c r="BD72" s="122"/>
      <c r="BE72" s="122"/>
      <c r="BF72" s="122"/>
      <c r="BG72" s="122"/>
      <c r="BH72" s="122"/>
      <c r="BI72" s="122"/>
      <c r="BJ72" s="122"/>
      <c r="BK72" s="122"/>
      <c r="BL72" s="122"/>
      <c r="BM72" s="122"/>
      <c r="BN72" s="122"/>
      <c r="BO72" s="121">
        <v>0.1</v>
      </c>
      <c r="BP72" s="122"/>
      <c r="BQ72" s="122"/>
      <c r="BR72" s="122"/>
      <c r="BS72" s="122"/>
      <c r="BT72" s="122"/>
      <c r="BU72" s="122"/>
      <c r="BV72" s="122"/>
      <c r="BW72" s="122"/>
      <c r="BX72" s="122"/>
      <c r="BY72" s="122"/>
      <c r="BZ72" s="122"/>
      <c r="CA72" s="122"/>
      <c r="CB72" s="122"/>
      <c r="CC72" s="122"/>
      <c r="CD72" s="122"/>
      <c r="CE72" s="122"/>
      <c r="CF72" s="122"/>
      <c r="CG72" s="122"/>
      <c r="CH72" s="122"/>
      <c r="CI72" s="122"/>
      <c r="CJ72" s="122"/>
      <c r="CK72" s="122"/>
      <c r="CL72" s="122"/>
      <c r="CM72" s="122"/>
      <c r="CN72" s="122"/>
      <c r="CO72" s="122"/>
      <c r="CP72" s="122"/>
      <c r="CQ72" s="122"/>
      <c r="CR72" s="122"/>
    </row>
    <row r="73" spans="1:96" ht="12" customHeight="1" x14ac:dyDescent="0.25">
      <c r="A73" s="133"/>
      <c r="B73" s="134"/>
      <c r="C73" s="142"/>
      <c r="D73" s="142"/>
      <c r="E73" s="97"/>
      <c r="F73" s="98"/>
      <c r="G73" s="98"/>
      <c r="H73" s="98"/>
      <c r="I73" s="98"/>
      <c r="J73" s="98"/>
      <c r="K73" s="98"/>
      <c r="L73" s="98"/>
      <c r="M73" s="98"/>
      <c r="N73" s="98"/>
      <c r="O73" s="98"/>
      <c r="P73" s="98"/>
      <c r="Q73" s="98"/>
      <c r="R73" s="98"/>
      <c r="S73" s="98"/>
      <c r="T73" s="98"/>
      <c r="U73" s="98"/>
      <c r="V73" s="98"/>
      <c r="W73" s="98"/>
      <c r="X73" s="98"/>
      <c r="Y73" s="98"/>
      <c r="Z73" s="98"/>
      <c r="AA73" s="98"/>
      <c r="AB73" s="98"/>
      <c r="AC73" s="98"/>
      <c r="AD73" s="98"/>
      <c r="AE73" s="98"/>
      <c r="AF73" s="98"/>
      <c r="AG73" s="98"/>
      <c r="AH73" s="98"/>
      <c r="AI73" s="99"/>
      <c r="AJ73" s="97"/>
      <c r="AK73" s="98"/>
      <c r="AL73" s="98"/>
      <c r="AM73" s="98"/>
      <c r="AN73" s="98"/>
      <c r="AO73" s="98"/>
      <c r="AP73" s="98"/>
      <c r="AQ73" s="98"/>
      <c r="AR73" s="98"/>
      <c r="AS73" s="98"/>
      <c r="AT73" s="98"/>
      <c r="AU73" s="98"/>
      <c r="AV73" s="98"/>
      <c r="AW73" s="98"/>
      <c r="AX73" s="98"/>
      <c r="AY73" s="98"/>
      <c r="AZ73" s="98"/>
      <c r="BA73" s="98"/>
      <c r="BB73" s="98"/>
      <c r="BC73" s="98"/>
      <c r="BD73" s="98"/>
      <c r="BE73" s="98"/>
      <c r="BF73" s="98"/>
      <c r="BG73" s="98"/>
      <c r="BH73" s="98"/>
      <c r="BI73" s="98"/>
      <c r="BJ73" s="98"/>
      <c r="BK73" s="98"/>
      <c r="BL73" s="98"/>
      <c r="BM73" s="98"/>
      <c r="BN73" s="98"/>
      <c r="BO73" s="97"/>
      <c r="BP73" s="98"/>
      <c r="BQ73" s="98"/>
      <c r="BR73" s="98"/>
      <c r="BS73" s="98"/>
      <c r="BT73" s="98"/>
      <c r="BU73" s="98"/>
      <c r="BV73" s="98"/>
      <c r="BW73" s="98"/>
      <c r="BX73" s="98"/>
      <c r="BY73" s="98"/>
      <c r="BZ73" s="98"/>
      <c r="CA73" s="98"/>
      <c r="CB73" s="98"/>
      <c r="CC73" s="98"/>
      <c r="CD73" s="98"/>
      <c r="CE73" s="98"/>
      <c r="CF73" s="98"/>
      <c r="CG73" s="98"/>
      <c r="CH73" s="98"/>
      <c r="CI73" s="100"/>
      <c r="CJ73" s="100"/>
      <c r="CK73" s="100"/>
      <c r="CL73" s="100"/>
      <c r="CM73" s="100"/>
      <c r="CN73" s="100"/>
      <c r="CO73" s="100"/>
      <c r="CP73" s="100"/>
      <c r="CQ73" s="100"/>
      <c r="CR73" s="101"/>
    </row>
    <row r="74" spans="1:96" ht="15.75" customHeight="1" x14ac:dyDescent="0.2">
      <c r="A74" s="10" t="s">
        <v>67</v>
      </c>
      <c r="B74" s="11"/>
      <c r="C74" s="11"/>
      <c r="D74" s="11"/>
      <c r="E74" s="14"/>
      <c r="F74" s="14"/>
      <c r="G74" s="14"/>
      <c r="H74" s="14"/>
      <c r="I74" s="14"/>
      <c r="J74" s="14"/>
      <c r="K74" s="14"/>
      <c r="L74" s="14"/>
      <c r="M74" s="14"/>
      <c r="N74" s="14"/>
      <c r="O74" s="14"/>
      <c r="P74" s="14"/>
      <c r="Q74" s="14"/>
      <c r="R74" s="14"/>
      <c r="S74" s="14"/>
      <c r="T74" s="14"/>
      <c r="U74" s="14"/>
      <c r="V74" s="14"/>
      <c r="W74" s="14"/>
      <c r="X74" s="14"/>
      <c r="Y74" s="14"/>
      <c r="Z74" s="14"/>
      <c r="AA74" s="14"/>
      <c r="AB74" s="14"/>
      <c r="AC74" s="14"/>
      <c r="AD74" s="14"/>
      <c r="AE74" s="14"/>
      <c r="AF74" s="14"/>
      <c r="AG74" s="14"/>
      <c r="AH74" s="14"/>
      <c r="AI74" s="14"/>
      <c r="AJ74" s="12"/>
      <c r="AK74" s="12"/>
      <c r="AL74" s="12"/>
      <c r="AM74" s="12"/>
      <c r="AN74" s="12"/>
      <c r="AO74" s="12"/>
      <c r="AP74" s="12"/>
      <c r="AQ74" s="12"/>
      <c r="AR74" s="12"/>
      <c r="AS74" s="12"/>
      <c r="AT74" s="12"/>
      <c r="AU74" s="12"/>
      <c r="AV74" s="12"/>
      <c r="AW74" s="12"/>
      <c r="AX74" s="12"/>
      <c r="AY74" s="12"/>
      <c r="AZ74" s="12"/>
      <c r="BA74" s="12"/>
      <c r="BB74" s="12"/>
      <c r="BC74" s="12"/>
      <c r="BD74" s="12"/>
      <c r="BE74" s="12"/>
      <c r="BF74" s="12"/>
      <c r="BG74" s="12"/>
      <c r="BH74" s="12"/>
      <c r="BI74" s="14"/>
      <c r="BJ74" s="14"/>
      <c r="BK74" s="14"/>
      <c r="BL74" s="14"/>
      <c r="BM74" s="14"/>
      <c r="BN74" s="14"/>
      <c r="BO74" s="48"/>
      <c r="BP74" s="49"/>
      <c r="BQ74" s="49"/>
      <c r="BR74" s="49"/>
      <c r="BS74" s="49"/>
      <c r="BT74" s="49"/>
      <c r="BU74" s="49"/>
      <c r="BV74" s="49"/>
      <c r="BW74" s="49"/>
      <c r="BX74" s="49"/>
      <c r="BY74" s="49"/>
      <c r="BZ74" s="49"/>
      <c r="CA74" s="49"/>
      <c r="CB74" s="49"/>
      <c r="CC74" s="49"/>
      <c r="CD74" s="49"/>
      <c r="CE74" s="49"/>
      <c r="CF74" s="49"/>
      <c r="CG74" s="49"/>
      <c r="CH74" s="49"/>
      <c r="CI74" s="17"/>
      <c r="CJ74" s="17"/>
      <c r="CK74" s="17"/>
      <c r="CL74" s="17"/>
      <c r="CM74" s="17"/>
      <c r="CN74" s="17"/>
      <c r="CO74" s="17"/>
      <c r="CP74" s="17"/>
      <c r="CQ74" s="17"/>
      <c r="CR74" s="18"/>
    </row>
    <row r="75" spans="1:96" ht="15.75" customHeight="1" x14ac:dyDescent="0.2">
      <c r="A75" s="50" t="s">
        <v>68</v>
      </c>
      <c r="B75" s="51" t="s">
        <v>69</v>
      </c>
      <c r="C75" s="84"/>
      <c r="D75" s="84"/>
      <c r="E75" s="22"/>
      <c r="F75" s="22"/>
      <c r="G75" s="22"/>
      <c r="H75" s="22"/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2"/>
      <c r="T75" s="22"/>
      <c r="U75" s="22"/>
      <c r="V75" s="22"/>
      <c r="W75" s="22"/>
      <c r="X75" s="22"/>
      <c r="Y75" s="22"/>
      <c r="Z75" s="22"/>
      <c r="AA75" s="22"/>
      <c r="AB75" s="22"/>
      <c r="AC75" s="22"/>
      <c r="AD75" s="22"/>
      <c r="AE75" s="22"/>
      <c r="AF75" s="22"/>
      <c r="AG75" s="22"/>
      <c r="AH75" s="22"/>
      <c r="AI75" s="22"/>
      <c r="AJ75" s="21"/>
      <c r="AK75" s="22"/>
      <c r="AL75" s="22"/>
      <c r="AM75" s="22"/>
      <c r="AN75" s="22"/>
      <c r="AO75" s="22"/>
      <c r="AP75" s="22"/>
      <c r="AQ75" s="22"/>
      <c r="AR75" s="22"/>
      <c r="AS75" s="22"/>
      <c r="AT75" s="22"/>
      <c r="AU75" s="22"/>
      <c r="AV75" s="22"/>
      <c r="AW75" s="22"/>
      <c r="AX75" s="22"/>
      <c r="AY75" s="22"/>
      <c r="AZ75" s="22"/>
      <c r="BA75" s="22"/>
      <c r="BB75" s="22"/>
      <c r="BC75" s="22"/>
      <c r="BD75" s="22"/>
      <c r="BE75" s="22"/>
      <c r="BF75" s="22"/>
      <c r="BG75" s="22"/>
      <c r="BH75" s="22"/>
      <c r="BI75" s="22"/>
      <c r="BJ75" s="22"/>
      <c r="BK75" s="22"/>
      <c r="BL75" s="22"/>
      <c r="BM75" s="22"/>
      <c r="BN75" s="22"/>
      <c r="BO75" s="21"/>
      <c r="BP75" s="22"/>
      <c r="BQ75" s="22"/>
      <c r="BR75" s="22"/>
      <c r="BS75" s="22"/>
      <c r="BT75" s="22"/>
      <c r="BU75" s="22"/>
      <c r="BV75" s="22"/>
      <c r="BW75" s="22"/>
      <c r="BX75" s="22"/>
      <c r="BY75" s="22"/>
      <c r="BZ75" s="22"/>
      <c r="CA75" s="22"/>
      <c r="CB75" s="22"/>
      <c r="CC75" s="22"/>
      <c r="CD75" s="22"/>
      <c r="CE75" s="22"/>
      <c r="CF75" s="22"/>
      <c r="CG75" s="22"/>
      <c r="CH75" s="22"/>
      <c r="CI75" s="52"/>
      <c r="CJ75" s="52"/>
      <c r="CK75" s="52"/>
      <c r="CL75" s="52"/>
      <c r="CM75" s="52"/>
      <c r="CN75" s="52"/>
      <c r="CO75" s="52"/>
      <c r="CP75" s="52"/>
      <c r="CQ75" s="52"/>
      <c r="CR75" s="53"/>
    </row>
    <row r="76" spans="1:96" ht="12" customHeight="1" x14ac:dyDescent="0.2">
      <c r="A76" s="109" t="s">
        <v>70</v>
      </c>
      <c r="B76" s="110" t="s">
        <v>71</v>
      </c>
      <c r="C76" s="140"/>
      <c r="D76" s="140"/>
      <c r="E76" s="29"/>
      <c r="F76" s="29"/>
      <c r="G76" s="29"/>
      <c r="H76" s="29"/>
      <c r="I76" s="29"/>
      <c r="J76" s="29"/>
      <c r="K76" s="29"/>
      <c r="L76" s="29"/>
      <c r="M76" s="29"/>
      <c r="N76" s="29"/>
      <c r="O76" s="29"/>
      <c r="P76" s="29"/>
      <c r="Q76" s="29"/>
      <c r="R76" s="29"/>
      <c r="S76" s="29"/>
      <c r="T76" s="29"/>
      <c r="U76" s="29"/>
      <c r="V76" s="29"/>
      <c r="W76" s="29"/>
      <c r="X76" s="29"/>
      <c r="Y76" s="29"/>
      <c r="Z76" s="29"/>
      <c r="AA76" s="29"/>
      <c r="AB76" s="29"/>
      <c r="AC76" s="29"/>
      <c r="AD76" s="29"/>
      <c r="AE76" s="29"/>
      <c r="AF76" s="29"/>
      <c r="AG76" s="29"/>
      <c r="AH76" s="29"/>
      <c r="AI76" s="29"/>
      <c r="AJ76" s="42"/>
      <c r="AK76" s="26"/>
      <c r="AL76" s="26"/>
      <c r="AM76" s="26"/>
      <c r="AN76" s="26"/>
      <c r="AO76" s="26"/>
      <c r="AP76" s="26"/>
      <c r="AQ76" s="26"/>
      <c r="AR76" s="26"/>
      <c r="AS76" s="26"/>
      <c r="AT76" s="26"/>
      <c r="AU76" s="26"/>
      <c r="AV76" s="26"/>
      <c r="AW76" s="26"/>
      <c r="AX76" s="26"/>
      <c r="AY76" s="26"/>
      <c r="AZ76" s="26"/>
      <c r="BA76" s="26"/>
      <c r="BB76" s="26"/>
      <c r="BC76" s="26"/>
      <c r="BD76" s="26"/>
      <c r="BE76" s="26"/>
      <c r="BF76" s="116"/>
      <c r="BG76" s="116"/>
      <c r="BH76" s="116"/>
      <c r="BI76" s="116"/>
      <c r="BJ76" s="116"/>
      <c r="BK76" s="116"/>
      <c r="BL76" s="116"/>
      <c r="BM76" s="116"/>
      <c r="BN76" s="117"/>
      <c r="BO76" s="69"/>
      <c r="BP76" s="70"/>
      <c r="BQ76" s="70"/>
      <c r="BR76" s="70"/>
      <c r="BS76" s="70"/>
      <c r="BT76" s="70"/>
      <c r="BU76" s="70"/>
      <c r="BV76" s="70"/>
      <c r="BW76" s="70"/>
      <c r="BX76" s="70"/>
      <c r="BY76" s="70"/>
      <c r="BZ76" s="70"/>
      <c r="CA76" s="70"/>
      <c r="CB76" s="70"/>
      <c r="CC76" s="70"/>
      <c r="CD76" s="33"/>
      <c r="CE76" s="33"/>
      <c r="CF76" s="33"/>
      <c r="CG76" s="33"/>
      <c r="CH76" s="33"/>
      <c r="CI76" s="44"/>
      <c r="CJ76" s="44"/>
      <c r="CK76" s="44"/>
      <c r="CL76" s="44"/>
      <c r="CM76" s="44"/>
      <c r="CN76" s="44"/>
      <c r="CO76" s="44"/>
      <c r="CP76" s="44"/>
      <c r="CQ76" s="44"/>
      <c r="CR76" s="45"/>
    </row>
    <row r="77" spans="1:96" ht="12" customHeight="1" x14ac:dyDescent="0.2">
      <c r="A77" s="109"/>
      <c r="B77" s="110"/>
      <c r="C77" s="141"/>
      <c r="D77" s="141"/>
      <c r="E77" s="118"/>
      <c r="F77" s="119"/>
      <c r="G77" s="119"/>
      <c r="H77" s="119"/>
      <c r="I77" s="119"/>
      <c r="J77" s="119"/>
      <c r="K77" s="119"/>
      <c r="L77" s="119"/>
      <c r="M77" s="119"/>
      <c r="N77" s="119"/>
      <c r="O77" s="119"/>
      <c r="P77" s="119"/>
      <c r="Q77" s="119"/>
      <c r="R77" s="119"/>
      <c r="S77" s="119"/>
      <c r="T77" s="119"/>
      <c r="U77" s="119"/>
      <c r="V77" s="119"/>
      <c r="W77" s="119"/>
      <c r="X77" s="119"/>
      <c r="Y77" s="119"/>
      <c r="Z77" s="119"/>
      <c r="AA77" s="119"/>
      <c r="AB77" s="119"/>
      <c r="AC77" s="119"/>
      <c r="AD77" s="119"/>
      <c r="AE77" s="119"/>
      <c r="AF77" s="119"/>
      <c r="AG77" s="119"/>
      <c r="AH77" s="119"/>
      <c r="AI77" s="120"/>
      <c r="AJ77" s="121">
        <v>0.8</v>
      </c>
      <c r="AK77" s="122"/>
      <c r="AL77" s="122"/>
      <c r="AM77" s="122"/>
      <c r="AN77" s="122"/>
      <c r="AO77" s="122"/>
      <c r="AP77" s="122"/>
      <c r="AQ77" s="122"/>
      <c r="AR77" s="122"/>
      <c r="AS77" s="122"/>
      <c r="AT77" s="122"/>
      <c r="AU77" s="122"/>
      <c r="AV77" s="122"/>
      <c r="AW77" s="122"/>
      <c r="AX77" s="122"/>
      <c r="AY77" s="122"/>
      <c r="AZ77" s="122"/>
      <c r="BA77" s="122"/>
      <c r="BB77" s="122"/>
      <c r="BC77" s="122"/>
      <c r="BD77" s="122"/>
      <c r="BE77" s="122"/>
      <c r="BF77" s="122"/>
      <c r="BG77" s="122"/>
      <c r="BH77" s="122"/>
      <c r="BI77" s="122"/>
      <c r="BJ77" s="122"/>
      <c r="BK77" s="122"/>
      <c r="BL77" s="122"/>
      <c r="BM77" s="122"/>
      <c r="BN77" s="123"/>
      <c r="BO77" s="121">
        <v>0.2</v>
      </c>
      <c r="BP77" s="122"/>
      <c r="BQ77" s="122"/>
      <c r="BR77" s="122"/>
      <c r="BS77" s="122"/>
      <c r="BT77" s="122"/>
      <c r="BU77" s="122"/>
      <c r="BV77" s="122"/>
      <c r="BW77" s="122"/>
      <c r="BX77" s="122"/>
      <c r="BY77" s="122"/>
      <c r="BZ77" s="122"/>
      <c r="CA77" s="122"/>
      <c r="CB77" s="122"/>
      <c r="CC77" s="122"/>
      <c r="CD77" s="122"/>
      <c r="CE77" s="122"/>
      <c r="CF77" s="122"/>
      <c r="CG77" s="122"/>
      <c r="CH77" s="122"/>
      <c r="CI77" s="122"/>
      <c r="CJ77" s="122"/>
      <c r="CK77" s="122"/>
      <c r="CL77" s="122"/>
      <c r="CM77" s="122"/>
      <c r="CN77" s="122"/>
      <c r="CO77" s="122"/>
      <c r="CP77" s="122"/>
      <c r="CQ77" s="122"/>
      <c r="CR77" s="122"/>
    </row>
    <row r="78" spans="1:96" ht="12" customHeight="1" x14ac:dyDescent="0.25">
      <c r="A78" s="109"/>
      <c r="B78" s="110"/>
      <c r="C78" s="142"/>
      <c r="D78" s="142"/>
      <c r="E78" s="97"/>
      <c r="F78" s="98"/>
      <c r="G78" s="98"/>
      <c r="H78" s="98"/>
      <c r="I78" s="98"/>
      <c r="J78" s="98"/>
      <c r="K78" s="98"/>
      <c r="L78" s="98"/>
      <c r="M78" s="98"/>
      <c r="N78" s="98"/>
      <c r="O78" s="98"/>
      <c r="P78" s="98"/>
      <c r="Q78" s="98"/>
      <c r="R78" s="98"/>
      <c r="S78" s="98"/>
      <c r="T78" s="98"/>
      <c r="U78" s="98"/>
      <c r="V78" s="98"/>
      <c r="W78" s="98"/>
      <c r="X78" s="98"/>
      <c r="Y78" s="98"/>
      <c r="Z78" s="98"/>
      <c r="AA78" s="98"/>
      <c r="AB78" s="98"/>
      <c r="AC78" s="98"/>
      <c r="AD78" s="98"/>
      <c r="AE78" s="98"/>
      <c r="AF78" s="98"/>
      <c r="AG78" s="98"/>
      <c r="AH78" s="98"/>
      <c r="AI78" s="99"/>
      <c r="AJ78" s="97"/>
      <c r="AK78" s="98"/>
      <c r="AL78" s="98"/>
      <c r="AM78" s="98"/>
      <c r="AN78" s="98"/>
      <c r="AO78" s="98"/>
      <c r="AP78" s="98"/>
      <c r="AQ78" s="98"/>
      <c r="AR78" s="98"/>
      <c r="AS78" s="98"/>
      <c r="AT78" s="98"/>
      <c r="AU78" s="98"/>
      <c r="AV78" s="98"/>
      <c r="AW78" s="98"/>
      <c r="AX78" s="98"/>
      <c r="AY78" s="98"/>
      <c r="AZ78" s="98"/>
      <c r="BA78" s="98"/>
      <c r="BB78" s="98"/>
      <c r="BC78" s="98"/>
      <c r="BD78" s="98"/>
      <c r="BE78" s="98"/>
      <c r="BF78" s="98"/>
      <c r="BG78" s="98"/>
      <c r="BH78" s="98"/>
      <c r="BI78" s="98"/>
      <c r="BJ78" s="98"/>
      <c r="BK78" s="98"/>
      <c r="BL78" s="98"/>
      <c r="BM78" s="98"/>
      <c r="BN78" s="98"/>
      <c r="BO78" s="97"/>
      <c r="BP78" s="98"/>
      <c r="BQ78" s="98"/>
      <c r="BR78" s="98"/>
      <c r="BS78" s="98"/>
      <c r="BT78" s="98"/>
      <c r="BU78" s="98"/>
      <c r="BV78" s="98"/>
      <c r="BW78" s="98"/>
      <c r="BX78" s="98"/>
      <c r="BY78" s="98"/>
      <c r="BZ78" s="98"/>
      <c r="CA78" s="98"/>
      <c r="CB78" s="98"/>
      <c r="CC78" s="98"/>
      <c r="CD78" s="98"/>
      <c r="CE78" s="98"/>
      <c r="CF78" s="98"/>
      <c r="CG78" s="98"/>
      <c r="CH78" s="98"/>
      <c r="CI78" s="100"/>
      <c r="CJ78" s="100"/>
      <c r="CK78" s="100"/>
      <c r="CL78" s="100"/>
      <c r="CM78" s="100"/>
      <c r="CN78" s="100"/>
      <c r="CO78" s="100"/>
      <c r="CP78" s="100"/>
      <c r="CQ78" s="100"/>
      <c r="CR78" s="101"/>
    </row>
    <row r="79" spans="1:96" ht="15.75" customHeight="1" x14ac:dyDescent="0.2">
      <c r="A79" s="50" t="s">
        <v>72</v>
      </c>
      <c r="B79" s="51" t="s">
        <v>73</v>
      </c>
      <c r="C79" s="84"/>
      <c r="D79" s="84"/>
      <c r="E79" s="22"/>
      <c r="F79" s="22"/>
      <c r="G79" s="22"/>
      <c r="H79" s="22"/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2"/>
      <c r="T79" s="22"/>
      <c r="U79" s="22"/>
      <c r="V79" s="22"/>
      <c r="W79" s="22"/>
      <c r="X79" s="22"/>
      <c r="Y79" s="22"/>
      <c r="Z79" s="22"/>
      <c r="AA79" s="22"/>
      <c r="AB79" s="22"/>
      <c r="AC79" s="22"/>
      <c r="AD79" s="22"/>
      <c r="AE79" s="22"/>
      <c r="AF79" s="22"/>
      <c r="AG79" s="22"/>
      <c r="AH79" s="22"/>
      <c r="AI79" s="22"/>
      <c r="AJ79" s="21"/>
      <c r="AK79" s="22"/>
      <c r="AL79" s="22"/>
      <c r="AM79" s="22"/>
      <c r="AN79" s="22"/>
      <c r="AO79" s="22"/>
      <c r="AP79" s="22"/>
      <c r="AQ79" s="22"/>
      <c r="AR79" s="22"/>
      <c r="AS79" s="22"/>
      <c r="AT79" s="22"/>
      <c r="AU79" s="22"/>
      <c r="AV79" s="22"/>
      <c r="AW79" s="22"/>
      <c r="AX79" s="22"/>
      <c r="AY79" s="22"/>
      <c r="AZ79" s="22"/>
      <c r="BA79" s="22"/>
      <c r="BB79" s="22"/>
      <c r="BC79" s="22"/>
      <c r="BD79" s="22"/>
      <c r="BE79" s="22"/>
      <c r="BF79" s="22"/>
      <c r="BG79" s="22"/>
      <c r="BH79" s="22"/>
      <c r="BI79" s="22"/>
      <c r="BJ79" s="22"/>
      <c r="BK79" s="22"/>
      <c r="BL79" s="22"/>
      <c r="BM79" s="22"/>
      <c r="BN79" s="22"/>
      <c r="BO79" s="21"/>
      <c r="BP79" s="22"/>
      <c r="BQ79" s="22"/>
      <c r="BR79" s="22"/>
      <c r="BS79" s="22"/>
      <c r="BT79" s="22"/>
      <c r="BU79" s="22"/>
      <c r="BV79" s="22"/>
      <c r="BW79" s="22"/>
      <c r="BX79" s="22"/>
      <c r="BY79" s="22"/>
      <c r="BZ79" s="22"/>
      <c r="CA79" s="22"/>
      <c r="CB79" s="22"/>
      <c r="CC79" s="22"/>
      <c r="CD79" s="22"/>
      <c r="CE79" s="22"/>
      <c r="CF79" s="22"/>
      <c r="CG79" s="22"/>
      <c r="CH79" s="22"/>
      <c r="CI79" s="52"/>
      <c r="CJ79" s="52"/>
      <c r="CK79" s="52"/>
      <c r="CL79" s="52"/>
      <c r="CM79" s="52"/>
      <c r="CN79" s="52"/>
      <c r="CO79" s="52"/>
      <c r="CP79" s="52"/>
      <c r="CQ79" s="52"/>
      <c r="CR79" s="53"/>
    </row>
    <row r="80" spans="1:96" ht="12" customHeight="1" x14ac:dyDescent="0.25">
      <c r="A80" s="109" t="s">
        <v>74</v>
      </c>
      <c r="B80" s="110" t="s">
        <v>73</v>
      </c>
      <c r="C80" s="140"/>
      <c r="D80" s="140"/>
      <c r="E80" s="111"/>
      <c r="F80" s="100"/>
      <c r="G80" s="100"/>
      <c r="H80" s="100"/>
      <c r="I80" s="100"/>
      <c r="J80" s="100"/>
      <c r="K80" s="100"/>
      <c r="L80" s="100"/>
      <c r="M80" s="100"/>
      <c r="N80" s="100"/>
      <c r="O80" s="100"/>
      <c r="P80" s="100"/>
      <c r="Q80" s="100"/>
      <c r="R80" s="100"/>
      <c r="S80" s="100"/>
      <c r="T80" s="100"/>
      <c r="U80" s="100"/>
      <c r="V80" s="100"/>
      <c r="W80" s="100"/>
      <c r="X80" s="100"/>
      <c r="Y80" s="100"/>
      <c r="Z80" s="100"/>
      <c r="AA80" s="100"/>
      <c r="AB80" s="100"/>
      <c r="AC80" s="100"/>
      <c r="AD80" s="100"/>
      <c r="AE80" s="100"/>
      <c r="AF80" s="100"/>
      <c r="AG80" s="100"/>
      <c r="AH80" s="100"/>
      <c r="AI80" s="112"/>
      <c r="AJ80" s="113"/>
      <c r="AK80" s="114"/>
      <c r="AL80" s="114"/>
      <c r="AM80" s="114"/>
      <c r="AN80" s="114"/>
      <c r="AO80" s="114"/>
      <c r="AP80" s="114"/>
      <c r="AQ80" s="114"/>
      <c r="AR80" s="114"/>
      <c r="AS80" s="114"/>
      <c r="AT80" s="114"/>
      <c r="AU80" s="114"/>
      <c r="AV80" s="114"/>
      <c r="AW80" s="114"/>
      <c r="AX80" s="114"/>
      <c r="AY80" s="114"/>
      <c r="AZ80" s="114"/>
      <c r="BA80" s="114"/>
      <c r="BB80" s="114"/>
      <c r="BC80" s="114"/>
      <c r="BD80" s="114"/>
      <c r="BE80" s="114"/>
      <c r="BF80" s="114"/>
      <c r="BG80" s="114"/>
      <c r="BH80" s="114"/>
      <c r="BI80" s="114"/>
      <c r="BJ80" s="114"/>
      <c r="BK80" s="114"/>
      <c r="BL80" s="114"/>
      <c r="BM80" s="114"/>
      <c r="BN80" s="115"/>
      <c r="BO80" s="71"/>
      <c r="BP80" s="36"/>
      <c r="BQ80" s="36"/>
      <c r="BR80" s="36"/>
      <c r="BS80" s="36"/>
      <c r="BT80" s="36"/>
      <c r="BU80" s="37"/>
      <c r="BV80" s="37"/>
      <c r="BW80" s="37"/>
      <c r="BX80" s="37"/>
      <c r="BY80" s="37"/>
      <c r="BZ80" s="37"/>
      <c r="CA80" s="36"/>
      <c r="CB80" s="36"/>
      <c r="CC80" s="36"/>
      <c r="CD80" s="36"/>
      <c r="CE80" s="36"/>
      <c r="CF80" s="36"/>
      <c r="CG80" s="36"/>
      <c r="CH80" s="36"/>
      <c r="CI80" s="36"/>
      <c r="CJ80" s="36"/>
      <c r="CK80" s="36"/>
      <c r="CL80" s="36"/>
      <c r="CM80" s="36"/>
      <c r="CN80" s="28"/>
      <c r="CO80" s="28"/>
      <c r="CP80" s="28"/>
      <c r="CQ80" s="28"/>
      <c r="CR80" s="72"/>
    </row>
    <row r="81" spans="1:96" ht="12" customHeight="1" x14ac:dyDescent="0.2">
      <c r="A81" s="109"/>
      <c r="B81" s="110"/>
      <c r="C81" s="141"/>
      <c r="D81" s="141"/>
      <c r="E81" s="118"/>
      <c r="F81" s="119"/>
      <c r="G81" s="119"/>
      <c r="H81" s="119"/>
      <c r="I81" s="119"/>
      <c r="J81" s="119"/>
      <c r="K81" s="119"/>
      <c r="L81" s="119"/>
      <c r="M81" s="119"/>
      <c r="N81" s="119"/>
      <c r="O81" s="119"/>
      <c r="P81" s="119"/>
      <c r="Q81" s="119"/>
      <c r="R81" s="119"/>
      <c r="S81" s="119"/>
      <c r="T81" s="119"/>
      <c r="U81" s="119"/>
      <c r="V81" s="119"/>
      <c r="W81" s="119"/>
      <c r="X81" s="119"/>
      <c r="Y81" s="119"/>
      <c r="Z81" s="119"/>
      <c r="AA81" s="119"/>
      <c r="AB81" s="119"/>
      <c r="AC81" s="119"/>
      <c r="AD81" s="119"/>
      <c r="AE81" s="119"/>
      <c r="AF81" s="119"/>
      <c r="AG81" s="119"/>
      <c r="AH81" s="119"/>
      <c r="AI81" s="120"/>
      <c r="AJ81" s="118"/>
      <c r="AK81" s="119"/>
      <c r="AL81" s="119"/>
      <c r="AM81" s="119"/>
      <c r="AN81" s="119"/>
      <c r="AO81" s="119"/>
      <c r="AP81" s="119"/>
      <c r="AQ81" s="119"/>
      <c r="AR81" s="119"/>
      <c r="AS81" s="119"/>
      <c r="AT81" s="119"/>
      <c r="AU81" s="119"/>
      <c r="AV81" s="119"/>
      <c r="AW81" s="119"/>
      <c r="AX81" s="119"/>
      <c r="AY81" s="119"/>
      <c r="AZ81" s="119"/>
      <c r="BA81" s="119"/>
      <c r="BB81" s="119"/>
      <c r="BC81" s="119"/>
      <c r="BD81" s="119"/>
      <c r="BE81" s="119"/>
      <c r="BF81" s="119"/>
      <c r="BG81" s="119"/>
      <c r="BH81" s="119"/>
      <c r="BI81" s="119"/>
      <c r="BJ81" s="119"/>
      <c r="BK81" s="119"/>
      <c r="BL81" s="119"/>
      <c r="BM81" s="119"/>
      <c r="BN81" s="120"/>
      <c r="BO81" s="94">
        <v>1</v>
      </c>
      <c r="BP81" s="95"/>
      <c r="BQ81" s="95"/>
      <c r="BR81" s="95"/>
      <c r="BS81" s="95"/>
      <c r="BT81" s="95"/>
      <c r="BU81" s="95"/>
      <c r="BV81" s="95"/>
      <c r="BW81" s="95"/>
      <c r="BX81" s="95"/>
      <c r="BY81" s="95"/>
      <c r="BZ81" s="95"/>
      <c r="CA81" s="95"/>
      <c r="CB81" s="95"/>
      <c r="CC81" s="95"/>
      <c r="CD81" s="95"/>
      <c r="CE81" s="95"/>
      <c r="CF81" s="95"/>
      <c r="CG81" s="95"/>
      <c r="CH81" s="95"/>
      <c r="CI81" s="95"/>
      <c r="CJ81" s="95"/>
      <c r="CK81" s="95"/>
      <c r="CL81" s="95"/>
      <c r="CM81" s="95"/>
      <c r="CN81" s="95"/>
      <c r="CO81" s="95"/>
      <c r="CP81" s="95"/>
      <c r="CQ81" s="95"/>
      <c r="CR81" s="96"/>
    </row>
    <row r="82" spans="1:96" ht="12" customHeight="1" x14ac:dyDescent="0.25">
      <c r="A82" s="109"/>
      <c r="B82" s="110"/>
      <c r="C82" s="142"/>
      <c r="D82" s="142"/>
      <c r="E82" s="97"/>
      <c r="F82" s="98"/>
      <c r="G82" s="98"/>
      <c r="H82" s="98"/>
      <c r="I82" s="98"/>
      <c r="J82" s="98"/>
      <c r="K82" s="98"/>
      <c r="L82" s="98"/>
      <c r="M82" s="98"/>
      <c r="N82" s="98"/>
      <c r="O82" s="98"/>
      <c r="P82" s="98"/>
      <c r="Q82" s="98"/>
      <c r="R82" s="98"/>
      <c r="S82" s="98"/>
      <c r="T82" s="98"/>
      <c r="U82" s="98"/>
      <c r="V82" s="98"/>
      <c r="W82" s="98"/>
      <c r="X82" s="98"/>
      <c r="Y82" s="98"/>
      <c r="Z82" s="98"/>
      <c r="AA82" s="98"/>
      <c r="AB82" s="98"/>
      <c r="AC82" s="98"/>
      <c r="AD82" s="98"/>
      <c r="AE82" s="98"/>
      <c r="AF82" s="98"/>
      <c r="AG82" s="98"/>
      <c r="AH82" s="98"/>
      <c r="AI82" s="99"/>
      <c r="AJ82" s="97"/>
      <c r="AK82" s="98"/>
      <c r="AL82" s="98"/>
      <c r="AM82" s="98"/>
      <c r="AN82" s="98"/>
      <c r="AO82" s="98"/>
      <c r="AP82" s="98"/>
      <c r="AQ82" s="98"/>
      <c r="AR82" s="98"/>
      <c r="AS82" s="98"/>
      <c r="AT82" s="98"/>
      <c r="AU82" s="98"/>
      <c r="AV82" s="98"/>
      <c r="AW82" s="98"/>
      <c r="AX82" s="98"/>
      <c r="AY82" s="98"/>
      <c r="AZ82" s="98"/>
      <c r="BA82" s="98"/>
      <c r="BB82" s="98"/>
      <c r="BC82" s="98"/>
      <c r="BD82" s="98"/>
      <c r="BE82" s="98"/>
      <c r="BF82" s="98"/>
      <c r="BG82" s="98"/>
      <c r="BH82" s="98"/>
      <c r="BI82" s="98"/>
      <c r="BJ82" s="98"/>
      <c r="BK82" s="98"/>
      <c r="BL82" s="98"/>
      <c r="BM82" s="98"/>
      <c r="BN82" s="98"/>
      <c r="BO82" s="97"/>
      <c r="BP82" s="98"/>
      <c r="BQ82" s="98"/>
      <c r="BR82" s="98"/>
      <c r="BS82" s="98"/>
      <c r="BT82" s="98"/>
      <c r="BU82" s="98"/>
      <c r="BV82" s="98"/>
      <c r="BW82" s="98"/>
      <c r="BX82" s="98"/>
      <c r="BY82" s="98"/>
      <c r="BZ82" s="98"/>
      <c r="CA82" s="98"/>
      <c r="CB82" s="98"/>
      <c r="CC82" s="98"/>
      <c r="CD82" s="98"/>
      <c r="CE82" s="98"/>
      <c r="CF82" s="98"/>
      <c r="CG82" s="98"/>
      <c r="CH82" s="98"/>
      <c r="CI82" s="100"/>
      <c r="CJ82" s="100"/>
      <c r="CK82" s="100"/>
      <c r="CL82" s="100"/>
      <c r="CM82" s="100"/>
      <c r="CN82" s="100"/>
      <c r="CO82" s="100"/>
      <c r="CP82" s="100"/>
      <c r="CQ82" s="100"/>
      <c r="CR82" s="101"/>
    </row>
    <row r="83" spans="1:96" ht="15.75" customHeight="1" x14ac:dyDescent="0.2">
      <c r="A83" s="11"/>
      <c r="B83" s="91" t="s">
        <v>81</v>
      </c>
      <c r="C83" s="91"/>
      <c r="D83" s="92"/>
      <c r="E83" s="14"/>
      <c r="F83" s="14"/>
      <c r="G83" s="14"/>
      <c r="H83" s="14"/>
      <c r="I83" s="14"/>
      <c r="J83" s="14"/>
      <c r="K83" s="14"/>
      <c r="L83" s="14"/>
      <c r="M83" s="14"/>
      <c r="N83" s="14"/>
      <c r="O83" s="14"/>
      <c r="P83" s="14"/>
      <c r="Q83" s="14"/>
      <c r="R83" s="14"/>
      <c r="S83" s="14"/>
      <c r="T83" s="14"/>
      <c r="U83" s="14"/>
      <c r="V83" s="14"/>
      <c r="W83" s="14"/>
      <c r="X83" s="14"/>
      <c r="Y83" s="14"/>
      <c r="Z83" s="14"/>
      <c r="AA83" s="14"/>
      <c r="AB83" s="14"/>
      <c r="AC83" s="14"/>
      <c r="AD83" s="14"/>
      <c r="AE83" s="14"/>
      <c r="AF83" s="14"/>
      <c r="AG83" s="14"/>
      <c r="AH83" s="14"/>
      <c r="AI83" s="12"/>
      <c r="AJ83" s="12"/>
      <c r="AK83" s="12"/>
      <c r="AL83" s="12"/>
      <c r="AM83" s="12"/>
      <c r="AN83" s="12"/>
      <c r="AO83" s="12"/>
      <c r="AP83" s="12"/>
      <c r="AQ83" s="12"/>
      <c r="AR83" s="12"/>
      <c r="AS83" s="12"/>
      <c r="AT83" s="12"/>
      <c r="AU83" s="12"/>
      <c r="AV83" s="12"/>
      <c r="AW83" s="12"/>
      <c r="AX83" s="12"/>
      <c r="AY83" s="12"/>
      <c r="AZ83" s="12"/>
      <c r="BA83" s="12"/>
      <c r="BB83" s="12"/>
      <c r="BC83" s="12"/>
      <c r="BD83" s="12"/>
      <c r="BE83" s="12"/>
      <c r="BF83" s="12"/>
      <c r="BG83" s="12"/>
      <c r="BH83" s="14"/>
      <c r="BI83" s="14"/>
      <c r="BJ83" s="14"/>
      <c r="BK83" s="14"/>
      <c r="BL83" s="14"/>
      <c r="BM83" s="14"/>
      <c r="BN83" s="48"/>
      <c r="BO83" s="49"/>
      <c r="BP83" s="49"/>
      <c r="BQ83" s="49"/>
      <c r="BR83" s="49"/>
      <c r="BS83" s="49"/>
      <c r="BT83" s="49"/>
      <c r="BU83" s="49"/>
      <c r="BV83" s="49"/>
      <c r="BW83" s="49"/>
      <c r="BX83" s="49"/>
      <c r="BY83" s="49"/>
      <c r="BZ83" s="49"/>
      <c r="CA83" s="49"/>
      <c r="CB83" s="49"/>
      <c r="CC83" s="49"/>
      <c r="CD83" s="49"/>
      <c r="CE83" s="49"/>
      <c r="CF83" s="49"/>
      <c r="CG83" s="49"/>
      <c r="CH83" s="17"/>
      <c r="CI83" s="17"/>
      <c r="CJ83" s="17"/>
      <c r="CK83" s="17"/>
      <c r="CL83" s="17"/>
      <c r="CM83" s="17"/>
      <c r="CN83" s="17"/>
      <c r="CO83" s="17"/>
      <c r="CP83" s="17"/>
      <c r="CQ83" s="18"/>
      <c r="CR83" s="11"/>
    </row>
    <row r="84" spans="1:96" ht="15.75" customHeight="1" x14ac:dyDescent="0.2">
      <c r="A84" s="73"/>
      <c r="B84" s="74"/>
      <c r="C84" s="86"/>
      <c r="D84" s="86"/>
      <c r="E84" s="22"/>
      <c r="F84" s="22"/>
      <c r="G84" s="22"/>
      <c r="H84" s="22"/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2"/>
      <c r="T84" s="22"/>
      <c r="U84" s="22"/>
      <c r="V84" s="22"/>
      <c r="W84" s="22"/>
      <c r="X84" s="22"/>
      <c r="Y84" s="22"/>
      <c r="Z84" s="22"/>
      <c r="AA84" s="22"/>
      <c r="AB84" s="22"/>
      <c r="AC84" s="22"/>
      <c r="AD84" s="22"/>
      <c r="AE84" s="22"/>
      <c r="AF84" s="22"/>
      <c r="AG84" s="22"/>
      <c r="AH84" s="22"/>
      <c r="AI84" s="22"/>
      <c r="AJ84" s="21"/>
      <c r="AK84" s="22"/>
      <c r="AL84" s="22"/>
      <c r="AM84" s="22"/>
      <c r="AN84" s="22"/>
      <c r="AO84" s="22"/>
      <c r="AP84" s="22"/>
      <c r="AQ84" s="22"/>
      <c r="AR84" s="22"/>
      <c r="AS84" s="22"/>
      <c r="AT84" s="22"/>
      <c r="AU84" s="22"/>
      <c r="AV84" s="22"/>
      <c r="AW84" s="22"/>
      <c r="AX84" s="22"/>
      <c r="AY84" s="22"/>
      <c r="AZ84" s="22"/>
      <c r="BA84" s="22"/>
      <c r="BB84" s="22"/>
      <c r="BC84" s="22"/>
      <c r="BD84" s="22"/>
      <c r="BE84" s="22"/>
      <c r="BF84" s="22"/>
      <c r="BG84" s="22"/>
      <c r="BH84" s="22"/>
      <c r="BI84" s="22"/>
      <c r="BJ84" s="22"/>
      <c r="BK84" s="22"/>
      <c r="BL84" s="22"/>
      <c r="BM84" s="22"/>
      <c r="BN84" s="22"/>
      <c r="BO84" s="21"/>
      <c r="BP84" s="22"/>
      <c r="BQ84" s="22"/>
      <c r="BR84" s="22"/>
      <c r="BS84" s="22"/>
      <c r="BT84" s="22"/>
      <c r="BU84" s="22"/>
      <c r="BV84" s="22"/>
      <c r="BW84" s="22"/>
      <c r="BX84" s="22"/>
      <c r="BY84" s="22"/>
      <c r="BZ84" s="22"/>
      <c r="CA84" s="22"/>
      <c r="CB84" s="22"/>
      <c r="CC84" s="22"/>
      <c r="CD84" s="22"/>
      <c r="CE84" s="22"/>
      <c r="CF84" s="22"/>
      <c r="CG84" s="22"/>
      <c r="CH84" s="22"/>
      <c r="CI84" s="52"/>
      <c r="CJ84" s="52"/>
      <c r="CK84" s="52"/>
      <c r="CL84" s="52"/>
      <c r="CM84" s="52"/>
      <c r="CN84" s="52"/>
      <c r="CO84" s="52"/>
      <c r="CP84" s="52"/>
      <c r="CQ84" s="52"/>
      <c r="CR84" s="53"/>
    </row>
    <row r="85" spans="1:96" ht="15.75" customHeight="1" x14ac:dyDescent="0.25">
      <c r="A85" s="89"/>
      <c r="B85" s="90" t="s">
        <v>79</v>
      </c>
      <c r="C85" s="87"/>
      <c r="D85" s="87"/>
      <c r="E85" s="126"/>
      <c r="F85" s="127"/>
      <c r="G85" s="127"/>
      <c r="H85" s="127"/>
      <c r="I85" s="127"/>
      <c r="J85" s="127"/>
      <c r="K85" s="127"/>
      <c r="L85" s="127"/>
      <c r="M85" s="127"/>
      <c r="N85" s="127"/>
      <c r="O85" s="127"/>
      <c r="P85" s="127"/>
      <c r="Q85" s="127"/>
      <c r="R85" s="127"/>
      <c r="S85" s="127"/>
      <c r="T85" s="127"/>
      <c r="U85" s="127"/>
      <c r="V85" s="127"/>
      <c r="W85" s="127"/>
      <c r="X85" s="127"/>
      <c r="Y85" s="127"/>
      <c r="Z85" s="127"/>
      <c r="AA85" s="127"/>
      <c r="AB85" s="127"/>
      <c r="AC85" s="127"/>
      <c r="AD85" s="127"/>
      <c r="AE85" s="127"/>
      <c r="AF85" s="127"/>
      <c r="AG85" s="127"/>
      <c r="AH85" s="127"/>
      <c r="AI85" s="128"/>
      <c r="AJ85" s="126"/>
      <c r="AK85" s="127"/>
      <c r="AL85" s="127"/>
      <c r="AM85" s="127"/>
      <c r="AN85" s="127"/>
      <c r="AO85" s="127"/>
      <c r="AP85" s="127"/>
      <c r="AQ85" s="127"/>
      <c r="AR85" s="127"/>
      <c r="AS85" s="127"/>
      <c r="AT85" s="127"/>
      <c r="AU85" s="127"/>
      <c r="AV85" s="127"/>
      <c r="AW85" s="127"/>
      <c r="AX85" s="127"/>
      <c r="AY85" s="127"/>
      <c r="AZ85" s="127"/>
      <c r="BA85" s="127"/>
      <c r="BB85" s="127"/>
      <c r="BC85" s="127"/>
      <c r="BD85" s="127"/>
      <c r="BE85" s="127"/>
      <c r="BF85" s="127"/>
      <c r="BG85" s="127"/>
      <c r="BH85" s="127"/>
      <c r="BI85" s="127"/>
      <c r="BJ85" s="127"/>
      <c r="BK85" s="127"/>
      <c r="BL85" s="127"/>
      <c r="BM85" s="127"/>
      <c r="BN85" s="127"/>
      <c r="BO85" s="126"/>
      <c r="BP85" s="127"/>
      <c r="BQ85" s="127"/>
      <c r="BR85" s="127"/>
      <c r="BS85" s="127"/>
      <c r="BT85" s="127"/>
      <c r="BU85" s="127"/>
      <c r="BV85" s="127"/>
      <c r="BW85" s="127"/>
      <c r="BX85" s="127"/>
      <c r="BY85" s="127"/>
      <c r="BZ85" s="127"/>
      <c r="CA85" s="127"/>
      <c r="CB85" s="127"/>
      <c r="CC85" s="127"/>
      <c r="CD85" s="127"/>
      <c r="CE85" s="127"/>
      <c r="CF85" s="127"/>
      <c r="CG85" s="127"/>
      <c r="CH85" s="127"/>
      <c r="CI85" s="129"/>
      <c r="CJ85" s="129"/>
      <c r="CK85" s="129"/>
      <c r="CL85" s="129"/>
      <c r="CM85" s="129"/>
      <c r="CN85" s="129"/>
      <c r="CO85" s="129"/>
      <c r="CP85" s="129"/>
      <c r="CQ85" s="129"/>
      <c r="CR85" s="130"/>
    </row>
    <row r="86" spans="1:96" ht="15.75" customHeight="1" thickBot="1" x14ac:dyDescent="0.3">
      <c r="A86" s="89"/>
      <c r="B86" s="90" t="s">
        <v>80</v>
      </c>
      <c r="C86" s="88"/>
      <c r="D86" s="88"/>
      <c r="E86" s="102"/>
      <c r="F86" s="103"/>
      <c r="G86" s="103"/>
      <c r="H86" s="103"/>
      <c r="I86" s="103"/>
      <c r="J86" s="103"/>
      <c r="K86" s="103"/>
      <c r="L86" s="103"/>
      <c r="M86" s="103"/>
      <c r="N86" s="103"/>
      <c r="O86" s="103"/>
      <c r="P86" s="103"/>
      <c r="Q86" s="103"/>
      <c r="R86" s="103"/>
      <c r="S86" s="103"/>
      <c r="T86" s="103"/>
      <c r="U86" s="103"/>
      <c r="V86" s="103"/>
      <c r="W86" s="103"/>
      <c r="X86" s="103"/>
      <c r="Y86" s="103"/>
      <c r="Z86" s="103"/>
      <c r="AA86" s="103"/>
      <c r="AB86" s="103"/>
      <c r="AC86" s="103"/>
      <c r="AD86" s="103"/>
      <c r="AE86" s="103"/>
      <c r="AF86" s="103"/>
      <c r="AG86" s="103"/>
      <c r="AH86" s="103"/>
      <c r="AI86" s="104"/>
      <c r="AJ86" s="102"/>
      <c r="AK86" s="103"/>
      <c r="AL86" s="103"/>
      <c r="AM86" s="103"/>
      <c r="AN86" s="103"/>
      <c r="AO86" s="103"/>
      <c r="AP86" s="103"/>
      <c r="AQ86" s="103"/>
      <c r="AR86" s="103"/>
      <c r="AS86" s="103"/>
      <c r="AT86" s="103"/>
      <c r="AU86" s="103"/>
      <c r="AV86" s="103"/>
      <c r="AW86" s="103"/>
      <c r="AX86" s="103"/>
      <c r="AY86" s="103"/>
      <c r="AZ86" s="103"/>
      <c r="BA86" s="103"/>
      <c r="BB86" s="103"/>
      <c r="BC86" s="103"/>
      <c r="BD86" s="103"/>
      <c r="BE86" s="103"/>
      <c r="BF86" s="103"/>
      <c r="BG86" s="103"/>
      <c r="BH86" s="103"/>
      <c r="BI86" s="103"/>
      <c r="BJ86" s="103"/>
      <c r="BK86" s="103"/>
      <c r="BL86" s="103"/>
      <c r="BM86" s="103"/>
      <c r="BN86" s="103"/>
      <c r="BO86" s="102"/>
      <c r="BP86" s="103"/>
      <c r="BQ86" s="103"/>
      <c r="BR86" s="103"/>
      <c r="BS86" s="103"/>
      <c r="BT86" s="103"/>
      <c r="BU86" s="103"/>
      <c r="BV86" s="103"/>
      <c r="BW86" s="103"/>
      <c r="BX86" s="103"/>
      <c r="BY86" s="103"/>
      <c r="BZ86" s="103"/>
      <c r="CA86" s="103"/>
      <c r="CB86" s="103"/>
      <c r="CC86" s="103"/>
      <c r="CD86" s="103"/>
      <c r="CE86" s="103"/>
      <c r="CF86" s="103"/>
      <c r="CG86" s="103"/>
      <c r="CH86" s="103"/>
      <c r="CI86" s="107"/>
      <c r="CJ86" s="107"/>
      <c r="CK86" s="107"/>
      <c r="CL86" s="107"/>
      <c r="CM86" s="107"/>
      <c r="CN86" s="107"/>
      <c r="CO86" s="107"/>
      <c r="CP86" s="107"/>
      <c r="CQ86" s="107"/>
      <c r="CR86" s="108"/>
    </row>
    <row r="87" spans="1:96" ht="15.75" customHeight="1" x14ac:dyDescent="0.2">
      <c r="A87" s="73"/>
      <c r="B87" s="74"/>
      <c r="C87" s="86"/>
      <c r="D87" s="86"/>
      <c r="E87" s="22"/>
      <c r="F87" s="22"/>
      <c r="G87" s="22"/>
      <c r="H87" s="22"/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2"/>
      <c r="T87" s="22"/>
      <c r="U87" s="22"/>
      <c r="V87" s="22"/>
      <c r="W87" s="22"/>
      <c r="X87" s="22"/>
      <c r="Y87" s="22"/>
      <c r="Z87" s="22"/>
      <c r="AA87" s="22"/>
      <c r="AB87" s="22"/>
      <c r="AC87" s="22"/>
      <c r="AD87" s="22"/>
      <c r="AE87" s="22"/>
      <c r="AF87" s="22"/>
      <c r="AG87" s="22"/>
      <c r="AH87" s="22"/>
      <c r="AI87" s="22"/>
      <c r="AJ87" s="21"/>
      <c r="AK87" s="22"/>
      <c r="AL87" s="22"/>
      <c r="AM87" s="22"/>
      <c r="AN87" s="22"/>
      <c r="AO87" s="22"/>
      <c r="AP87" s="22"/>
      <c r="AQ87" s="22"/>
      <c r="AR87" s="22"/>
      <c r="AS87" s="22"/>
      <c r="AT87" s="22"/>
      <c r="AU87" s="22"/>
      <c r="AV87" s="22"/>
      <c r="AW87" s="22"/>
      <c r="AX87" s="22"/>
      <c r="AY87" s="22"/>
      <c r="AZ87" s="22"/>
      <c r="BA87" s="22"/>
      <c r="BB87" s="22"/>
      <c r="BC87" s="22"/>
      <c r="BD87" s="22"/>
      <c r="BE87" s="22"/>
      <c r="BF87" s="22"/>
      <c r="BG87" s="22"/>
      <c r="BH87" s="22"/>
      <c r="BI87" s="22"/>
      <c r="BJ87" s="22"/>
      <c r="BK87" s="22"/>
      <c r="BL87" s="22"/>
      <c r="BM87" s="22"/>
      <c r="BN87" s="22"/>
      <c r="BO87" s="21"/>
      <c r="BP87" s="22"/>
      <c r="BQ87" s="22"/>
      <c r="BR87" s="22"/>
      <c r="BS87" s="22"/>
      <c r="BT87" s="22"/>
      <c r="BU87" s="22"/>
      <c r="BV87" s="22"/>
      <c r="BW87" s="22"/>
      <c r="BX87" s="22"/>
      <c r="BY87" s="22"/>
      <c r="BZ87" s="22"/>
      <c r="CA87" s="22"/>
      <c r="CB87" s="22"/>
      <c r="CC87" s="22"/>
      <c r="CD87" s="22"/>
      <c r="CE87" s="22"/>
      <c r="CF87" s="22"/>
      <c r="CG87" s="22"/>
      <c r="CH87" s="22"/>
      <c r="CI87" s="52"/>
      <c r="CJ87" s="52"/>
      <c r="CK87" s="52"/>
      <c r="CL87" s="52"/>
      <c r="CM87" s="52"/>
      <c r="CN87" s="52"/>
      <c r="CO87" s="52"/>
      <c r="CP87" s="52"/>
      <c r="CQ87" s="52"/>
      <c r="CR87" s="53"/>
    </row>
    <row r="88" spans="1:96" ht="15" customHeight="1" x14ac:dyDescent="0.25">
      <c r="A88" s="124" t="s">
        <v>75</v>
      </c>
      <c r="B88" s="125"/>
      <c r="C88" s="87"/>
      <c r="D88" s="87"/>
      <c r="E88" s="126"/>
      <c r="F88" s="127"/>
      <c r="G88" s="127"/>
      <c r="H88" s="127"/>
      <c r="I88" s="127"/>
      <c r="J88" s="127"/>
      <c r="K88" s="127"/>
      <c r="L88" s="127"/>
      <c r="M88" s="127"/>
      <c r="N88" s="127"/>
      <c r="O88" s="127"/>
      <c r="P88" s="127"/>
      <c r="Q88" s="127"/>
      <c r="R88" s="127"/>
      <c r="S88" s="127"/>
      <c r="T88" s="127"/>
      <c r="U88" s="127"/>
      <c r="V88" s="127"/>
      <c r="W88" s="127"/>
      <c r="X88" s="127"/>
      <c r="Y88" s="127"/>
      <c r="Z88" s="127"/>
      <c r="AA88" s="127"/>
      <c r="AB88" s="127"/>
      <c r="AC88" s="127"/>
      <c r="AD88" s="127"/>
      <c r="AE88" s="127"/>
      <c r="AF88" s="127"/>
      <c r="AG88" s="127"/>
      <c r="AH88" s="127"/>
      <c r="AI88" s="128"/>
      <c r="AJ88" s="126"/>
      <c r="AK88" s="127"/>
      <c r="AL88" s="127"/>
      <c r="AM88" s="127"/>
      <c r="AN88" s="127"/>
      <c r="AO88" s="127"/>
      <c r="AP88" s="127"/>
      <c r="AQ88" s="127"/>
      <c r="AR88" s="127"/>
      <c r="AS88" s="127"/>
      <c r="AT88" s="127"/>
      <c r="AU88" s="127"/>
      <c r="AV88" s="127"/>
      <c r="AW88" s="127"/>
      <c r="AX88" s="127"/>
      <c r="AY88" s="127"/>
      <c r="AZ88" s="127"/>
      <c r="BA88" s="127"/>
      <c r="BB88" s="127"/>
      <c r="BC88" s="127"/>
      <c r="BD88" s="127"/>
      <c r="BE88" s="127"/>
      <c r="BF88" s="127"/>
      <c r="BG88" s="127"/>
      <c r="BH88" s="127"/>
      <c r="BI88" s="127"/>
      <c r="BJ88" s="127"/>
      <c r="BK88" s="127"/>
      <c r="BL88" s="127"/>
      <c r="BM88" s="127"/>
      <c r="BN88" s="127"/>
      <c r="BO88" s="126"/>
      <c r="BP88" s="127"/>
      <c r="BQ88" s="127"/>
      <c r="BR88" s="127"/>
      <c r="BS88" s="127"/>
      <c r="BT88" s="127"/>
      <c r="BU88" s="127"/>
      <c r="BV88" s="127"/>
      <c r="BW88" s="127"/>
      <c r="BX88" s="127"/>
      <c r="BY88" s="127"/>
      <c r="BZ88" s="127"/>
      <c r="CA88" s="127"/>
      <c r="CB88" s="127"/>
      <c r="CC88" s="127"/>
      <c r="CD88" s="127"/>
      <c r="CE88" s="127"/>
      <c r="CF88" s="127"/>
      <c r="CG88" s="127"/>
      <c r="CH88" s="127"/>
      <c r="CI88" s="129"/>
      <c r="CJ88" s="129"/>
      <c r="CK88" s="129"/>
      <c r="CL88" s="129"/>
      <c r="CM88" s="129"/>
      <c r="CN88" s="129"/>
      <c r="CO88" s="129"/>
      <c r="CP88" s="129"/>
      <c r="CQ88" s="129"/>
      <c r="CR88" s="130"/>
    </row>
    <row r="89" spans="1:96" ht="15.75" customHeight="1" thickBot="1" x14ac:dyDescent="0.3">
      <c r="A89" s="131" t="s">
        <v>76</v>
      </c>
      <c r="B89" s="132"/>
      <c r="C89" s="88"/>
      <c r="D89" s="88"/>
      <c r="E89" s="102"/>
      <c r="F89" s="103"/>
      <c r="G89" s="103"/>
      <c r="H89" s="103"/>
      <c r="I89" s="103"/>
      <c r="J89" s="103"/>
      <c r="K89" s="103"/>
      <c r="L89" s="103"/>
      <c r="M89" s="103"/>
      <c r="N89" s="103"/>
      <c r="O89" s="103"/>
      <c r="P89" s="103"/>
      <c r="Q89" s="103"/>
      <c r="R89" s="103"/>
      <c r="S89" s="103"/>
      <c r="T89" s="103"/>
      <c r="U89" s="103"/>
      <c r="V89" s="103"/>
      <c r="W89" s="103"/>
      <c r="X89" s="103"/>
      <c r="Y89" s="103"/>
      <c r="Z89" s="103"/>
      <c r="AA89" s="103"/>
      <c r="AB89" s="103"/>
      <c r="AC89" s="103"/>
      <c r="AD89" s="103"/>
      <c r="AE89" s="103"/>
      <c r="AF89" s="103"/>
      <c r="AG89" s="103"/>
      <c r="AH89" s="103"/>
      <c r="AI89" s="104"/>
      <c r="AJ89" s="102"/>
      <c r="AK89" s="103"/>
      <c r="AL89" s="103"/>
      <c r="AM89" s="103"/>
      <c r="AN89" s="103"/>
      <c r="AO89" s="103"/>
      <c r="AP89" s="103"/>
      <c r="AQ89" s="103"/>
      <c r="AR89" s="103"/>
      <c r="AS89" s="103"/>
      <c r="AT89" s="103"/>
      <c r="AU89" s="103"/>
      <c r="AV89" s="103"/>
      <c r="AW89" s="103"/>
      <c r="AX89" s="103"/>
      <c r="AY89" s="103"/>
      <c r="AZ89" s="103"/>
      <c r="BA89" s="103"/>
      <c r="BB89" s="103"/>
      <c r="BC89" s="103"/>
      <c r="BD89" s="103"/>
      <c r="BE89" s="103"/>
      <c r="BF89" s="103"/>
      <c r="BG89" s="103"/>
      <c r="BH89" s="103"/>
      <c r="BI89" s="103"/>
      <c r="BJ89" s="103"/>
      <c r="BK89" s="103"/>
      <c r="BL89" s="103"/>
      <c r="BM89" s="103"/>
      <c r="BN89" s="103"/>
      <c r="BO89" s="102"/>
      <c r="BP89" s="103"/>
      <c r="BQ89" s="103"/>
      <c r="BR89" s="103"/>
      <c r="BS89" s="103"/>
      <c r="BT89" s="103"/>
      <c r="BU89" s="103"/>
      <c r="BV89" s="103"/>
      <c r="BW89" s="103"/>
      <c r="BX89" s="103"/>
      <c r="BY89" s="103"/>
      <c r="BZ89" s="103"/>
      <c r="CA89" s="103"/>
      <c r="CB89" s="103"/>
      <c r="CC89" s="103"/>
      <c r="CD89" s="103"/>
      <c r="CE89" s="103"/>
      <c r="CF89" s="103"/>
      <c r="CG89" s="103"/>
      <c r="CH89" s="103"/>
      <c r="CI89" s="107"/>
      <c r="CJ89" s="107"/>
      <c r="CK89" s="107"/>
      <c r="CL89" s="107"/>
      <c r="CM89" s="107"/>
      <c r="CN89" s="107"/>
      <c r="CO89" s="107"/>
      <c r="CP89" s="107"/>
      <c r="CQ89" s="107"/>
      <c r="CR89" s="108"/>
    </row>
    <row r="90" spans="1:96" x14ac:dyDescent="0.2">
      <c r="AJ90" s="76"/>
      <c r="AK90" s="76"/>
      <c r="AL90" s="76"/>
      <c r="AM90" s="76"/>
      <c r="AN90" s="76"/>
      <c r="AO90" s="76"/>
      <c r="AP90" s="76"/>
      <c r="AQ90" s="76"/>
      <c r="AR90" s="76"/>
      <c r="AS90" s="76"/>
      <c r="AT90" s="76"/>
      <c r="AU90" s="76"/>
      <c r="AV90" s="76"/>
      <c r="AW90" s="76"/>
      <c r="AX90" s="76"/>
      <c r="AY90" s="76"/>
      <c r="AZ90" s="76"/>
      <c r="BA90" s="76"/>
      <c r="BB90" s="76"/>
      <c r="BC90" s="76"/>
      <c r="BD90" s="76"/>
      <c r="BE90" s="76"/>
      <c r="BF90" s="76"/>
      <c r="BG90" s="76"/>
      <c r="BH90" s="76"/>
      <c r="BJ90" s="77"/>
    </row>
    <row r="91" spans="1:96" ht="15" customHeight="1" x14ac:dyDescent="0.2">
      <c r="A91" s="78"/>
      <c r="B91" s="78"/>
      <c r="C91" s="78"/>
      <c r="D91" s="78"/>
      <c r="E91" s="79"/>
      <c r="F91" s="79"/>
      <c r="G91" s="79"/>
      <c r="H91" s="79"/>
      <c r="I91" s="79"/>
      <c r="J91" s="79"/>
      <c r="K91" s="79"/>
      <c r="L91" s="79"/>
      <c r="M91" s="79"/>
      <c r="N91" s="79"/>
      <c r="O91" s="79"/>
      <c r="P91" s="79"/>
      <c r="Q91" s="79"/>
      <c r="R91" s="79"/>
      <c r="S91" s="79"/>
      <c r="T91" s="79"/>
      <c r="U91" s="79"/>
      <c r="V91" s="79"/>
      <c r="W91" s="79"/>
      <c r="X91" s="79"/>
      <c r="Y91" s="79"/>
      <c r="Z91" s="79"/>
      <c r="AA91" s="79"/>
      <c r="AB91" s="79"/>
      <c r="AC91" s="79"/>
      <c r="AD91" s="79"/>
      <c r="AE91" s="79"/>
      <c r="AF91" s="79"/>
      <c r="AG91" s="79"/>
      <c r="AH91" s="79"/>
      <c r="AI91" s="79"/>
      <c r="AJ91" s="105"/>
      <c r="AK91" s="105"/>
      <c r="AL91" s="105"/>
      <c r="AM91" s="105"/>
      <c r="AN91" s="105"/>
      <c r="AO91" s="105"/>
      <c r="AP91" s="105"/>
      <c r="AQ91" s="105"/>
      <c r="AR91" s="105"/>
      <c r="AS91" s="105"/>
      <c r="AT91" s="105"/>
      <c r="AU91" s="105"/>
      <c r="AV91" s="105"/>
      <c r="AW91" s="105"/>
      <c r="AX91" s="105"/>
      <c r="AY91" s="105"/>
      <c r="AZ91" s="105"/>
      <c r="BA91" s="105"/>
      <c r="BB91" s="105"/>
      <c r="BC91" s="105"/>
      <c r="BD91" s="105"/>
      <c r="BE91" s="105"/>
      <c r="BF91" s="105"/>
      <c r="BG91" s="105"/>
      <c r="BH91" s="105"/>
      <c r="BI91" s="105"/>
      <c r="BJ91" s="105"/>
      <c r="BK91" s="105"/>
      <c r="BL91" s="105"/>
      <c r="BM91" s="105"/>
      <c r="BN91" s="105"/>
    </row>
    <row r="92" spans="1:96" ht="15" customHeight="1" x14ac:dyDescent="0.2">
      <c r="A92" s="78"/>
      <c r="B92" s="78"/>
      <c r="C92" s="78"/>
      <c r="D92" s="78"/>
      <c r="E92" s="80"/>
      <c r="F92" s="80"/>
      <c r="G92" s="80"/>
      <c r="H92" s="80"/>
      <c r="I92" s="80"/>
      <c r="J92" s="80"/>
      <c r="K92" s="80"/>
      <c r="L92" s="80"/>
      <c r="M92" s="80"/>
      <c r="N92" s="80"/>
      <c r="O92" s="80"/>
      <c r="P92" s="80"/>
      <c r="Q92" s="80"/>
      <c r="R92" s="80"/>
      <c r="S92" s="80"/>
      <c r="T92" s="80"/>
      <c r="U92" s="80"/>
      <c r="V92" s="80"/>
      <c r="W92" s="80"/>
      <c r="X92" s="80"/>
      <c r="Y92" s="80"/>
      <c r="Z92" s="80"/>
      <c r="AA92" s="80"/>
      <c r="AB92" s="80"/>
      <c r="AC92" s="80"/>
      <c r="AD92" s="80"/>
      <c r="AE92" s="80"/>
      <c r="AF92" s="80"/>
      <c r="AG92" s="80"/>
      <c r="AH92" s="80"/>
      <c r="AI92" s="80"/>
      <c r="AJ92" s="106"/>
      <c r="AK92" s="106"/>
      <c r="AL92" s="106"/>
      <c r="AM92" s="106"/>
      <c r="AN92" s="106"/>
      <c r="AO92" s="106"/>
      <c r="AP92" s="106"/>
      <c r="AQ92" s="106"/>
      <c r="AR92" s="106"/>
      <c r="AS92" s="106"/>
      <c r="AT92" s="106"/>
      <c r="AU92" s="106"/>
      <c r="AV92" s="106"/>
      <c r="AW92" s="106"/>
      <c r="AX92" s="106"/>
      <c r="AY92" s="106"/>
      <c r="AZ92" s="106"/>
      <c r="BA92" s="106"/>
      <c r="BB92" s="106"/>
      <c r="BC92" s="106"/>
      <c r="BD92" s="106"/>
      <c r="BE92" s="106"/>
      <c r="BF92" s="106"/>
      <c r="BG92" s="106"/>
      <c r="BH92" s="106"/>
      <c r="BI92" s="106"/>
      <c r="BJ92" s="106"/>
      <c r="BK92" s="106"/>
      <c r="BL92" s="106"/>
      <c r="BM92" s="106"/>
      <c r="BN92" s="106"/>
    </row>
    <row r="93" spans="1:96" x14ac:dyDescent="0.2">
      <c r="A93" s="78"/>
      <c r="B93" s="78"/>
      <c r="C93" s="78"/>
      <c r="D93" s="78"/>
      <c r="E93" s="81"/>
      <c r="F93" s="81"/>
      <c r="G93" s="81"/>
      <c r="H93" s="81"/>
      <c r="I93" s="81"/>
      <c r="J93" s="81"/>
      <c r="K93" s="81"/>
      <c r="L93" s="81"/>
      <c r="M93" s="81"/>
      <c r="N93" s="81"/>
      <c r="O93" s="81"/>
      <c r="P93" s="81"/>
      <c r="Q93" s="81"/>
      <c r="R93" s="81"/>
      <c r="S93" s="81"/>
      <c r="T93" s="81"/>
      <c r="U93" s="81"/>
      <c r="V93" s="81"/>
      <c r="W93" s="81"/>
      <c r="X93" s="81"/>
      <c r="Y93" s="81"/>
      <c r="Z93" s="81"/>
      <c r="AA93" s="81"/>
      <c r="AB93" s="81"/>
      <c r="AC93" s="81"/>
      <c r="AD93" s="81"/>
      <c r="AE93" s="81"/>
      <c r="AF93" s="81"/>
      <c r="AG93" s="81"/>
      <c r="AH93" s="81"/>
      <c r="AI93" s="81"/>
      <c r="AJ93" s="78"/>
      <c r="AK93" s="78"/>
      <c r="AL93" s="78"/>
      <c r="AM93" s="78"/>
      <c r="AN93" s="78"/>
      <c r="AO93" s="78"/>
      <c r="AP93" s="78"/>
      <c r="AQ93" s="78"/>
      <c r="AR93" s="78"/>
      <c r="AS93" s="78"/>
      <c r="AT93" s="78"/>
      <c r="AU93" s="78"/>
      <c r="AV93" s="78"/>
      <c r="AW93" s="78"/>
      <c r="AX93" s="78"/>
      <c r="AY93" s="78"/>
      <c r="AZ93" s="78"/>
      <c r="BA93" s="78"/>
      <c r="BB93" s="78"/>
      <c r="BC93" s="78"/>
      <c r="BD93" s="78"/>
      <c r="BE93" s="78"/>
      <c r="BF93" s="78"/>
      <c r="BG93" s="78"/>
      <c r="BH93" s="78"/>
      <c r="BI93" s="93"/>
      <c r="BJ93" s="93"/>
      <c r="BK93" s="93"/>
      <c r="BL93" s="93"/>
      <c r="BM93" s="93"/>
      <c r="BN93" s="93"/>
    </row>
    <row r="94" spans="1:96" x14ac:dyDescent="0.2">
      <c r="A94" s="78"/>
      <c r="B94" s="78"/>
      <c r="C94" s="78"/>
      <c r="D94" s="78"/>
      <c r="E94" s="81"/>
      <c r="F94" s="81"/>
      <c r="G94" s="81"/>
      <c r="H94" s="81"/>
      <c r="I94" s="81"/>
      <c r="J94" s="81"/>
      <c r="K94" s="81"/>
      <c r="L94" s="81"/>
      <c r="M94" s="81"/>
      <c r="N94" s="81"/>
      <c r="O94" s="81"/>
      <c r="P94" s="81"/>
      <c r="Q94" s="81"/>
      <c r="R94" s="81"/>
      <c r="S94" s="81"/>
      <c r="T94" s="81"/>
      <c r="U94" s="81"/>
      <c r="V94" s="81"/>
      <c r="W94" s="81"/>
      <c r="X94" s="81"/>
      <c r="Y94" s="81"/>
      <c r="Z94" s="81"/>
      <c r="AA94" s="81"/>
      <c r="AB94" s="81"/>
      <c r="AC94" s="81"/>
      <c r="AD94" s="81"/>
      <c r="AE94" s="81"/>
      <c r="AF94" s="81"/>
      <c r="AG94" s="81"/>
      <c r="AH94" s="81"/>
      <c r="AI94" s="81"/>
      <c r="AJ94" s="78"/>
      <c r="AK94" s="78"/>
      <c r="AL94" s="78"/>
      <c r="AM94" s="78"/>
      <c r="AN94" s="78"/>
      <c r="AO94" s="78"/>
      <c r="AP94" s="78"/>
      <c r="AQ94" s="78"/>
      <c r="AR94" s="78"/>
      <c r="AS94" s="78"/>
      <c r="AT94" s="78"/>
      <c r="AU94" s="78"/>
      <c r="AV94" s="78"/>
      <c r="AW94" s="78"/>
      <c r="AX94" s="78"/>
      <c r="AY94" s="78"/>
      <c r="AZ94" s="78"/>
      <c r="BA94" s="78"/>
      <c r="BB94" s="78"/>
      <c r="BC94" s="78"/>
      <c r="BD94" s="78"/>
      <c r="BE94" s="78"/>
      <c r="BF94" s="78"/>
      <c r="BG94" s="78"/>
      <c r="BH94" s="78"/>
      <c r="BI94" s="93"/>
      <c r="BJ94" s="93"/>
      <c r="BK94" s="93"/>
      <c r="BL94" s="93"/>
      <c r="BM94" s="93"/>
      <c r="BN94" s="93"/>
    </row>
    <row r="95" spans="1:96" x14ac:dyDescent="0.2">
      <c r="E95" s="81"/>
      <c r="F95" s="81"/>
      <c r="G95" s="81"/>
      <c r="H95" s="81"/>
      <c r="I95" s="81"/>
      <c r="J95" s="81"/>
      <c r="K95" s="81"/>
      <c r="L95" s="81"/>
      <c r="M95" s="81"/>
      <c r="N95" s="81"/>
      <c r="O95" s="81"/>
      <c r="P95" s="81"/>
      <c r="Q95" s="81"/>
      <c r="R95" s="81"/>
      <c r="S95" s="81"/>
      <c r="T95" s="81"/>
      <c r="U95" s="81"/>
      <c r="V95" s="81"/>
      <c r="W95" s="81"/>
      <c r="X95" s="81"/>
      <c r="Y95" s="81"/>
      <c r="Z95" s="81"/>
      <c r="AA95" s="81"/>
      <c r="AB95" s="81"/>
      <c r="AC95" s="81"/>
      <c r="AD95" s="81"/>
      <c r="AE95" s="81"/>
      <c r="AF95" s="81"/>
      <c r="AG95" s="81"/>
      <c r="AH95" s="81"/>
      <c r="AI95" s="81"/>
      <c r="BI95" s="93"/>
      <c r="BJ95" s="93"/>
      <c r="BK95" s="93"/>
      <c r="BL95" s="93"/>
      <c r="BM95" s="93"/>
      <c r="BN95" s="93"/>
    </row>
  </sheetData>
  <mergeCells count="275">
    <mergeCell ref="C71:C73"/>
    <mergeCell ref="D71:D73"/>
    <mergeCell ref="C76:C78"/>
    <mergeCell ref="D76:D78"/>
    <mergeCell ref="C80:C82"/>
    <mergeCell ref="D80:D82"/>
    <mergeCell ref="E85:AI85"/>
    <mergeCell ref="AJ85:BN85"/>
    <mergeCell ref="BO85:CR85"/>
    <mergeCell ref="BO77:CR77"/>
    <mergeCell ref="E78:AI78"/>
    <mergeCell ref="AJ78:BN78"/>
    <mergeCell ref="BO78:CR78"/>
    <mergeCell ref="D49:D51"/>
    <mergeCell ref="C52:C54"/>
    <mergeCell ref="D52:D54"/>
    <mergeCell ref="C55:C57"/>
    <mergeCell ref="D55:D57"/>
    <mergeCell ref="C59:C61"/>
    <mergeCell ref="D59:D61"/>
    <mergeCell ref="C63:C65"/>
    <mergeCell ref="D63:D65"/>
    <mergeCell ref="D13:D15"/>
    <mergeCell ref="C16:C18"/>
    <mergeCell ref="D16:D18"/>
    <mergeCell ref="C19:C21"/>
    <mergeCell ref="D19:D21"/>
    <mergeCell ref="C22:C24"/>
    <mergeCell ref="D22:D24"/>
    <mergeCell ref="C25:C27"/>
    <mergeCell ref="D25:D27"/>
    <mergeCell ref="A1:CH1"/>
    <mergeCell ref="A2:CH2"/>
    <mergeCell ref="A3:CH3"/>
    <mergeCell ref="A4:CH4"/>
    <mergeCell ref="A5:CH5"/>
    <mergeCell ref="A6:CH6"/>
    <mergeCell ref="B7:CH7"/>
    <mergeCell ref="A8:CR8"/>
    <mergeCell ref="A9:A10"/>
    <mergeCell ref="B9:B10"/>
    <mergeCell ref="E9:AI9"/>
    <mergeCell ref="AJ9:BN9"/>
    <mergeCell ref="BO9:CR9"/>
    <mergeCell ref="E10:I10"/>
    <mergeCell ref="CD10:CH10"/>
    <mergeCell ref="CI10:CM10"/>
    <mergeCell ref="CN10:CR10"/>
    <mergeCell ref="C9:C10"/>
    <mergeCell ref="D9:D10"/>
    <mergeCell ref="A13:A15"/>
    <mergeCell ref="B13:B15"/>
    <mergeCell ref="BO13:CR13"/>
    <mergeCell ref="AO10:AS10"/>
    <mergeCell ref="AT10:AX10"/>
    <mergeCell ref="AY10:BC10"/>
    <mergeCell ref="BD10:BH10"/>
    <mergeCell ref="BI10:BN10"/>
    <mergeCell ref="BO10:BS10"/>
    <mergeCell ref="J10:N10"/>
    <mergeCell ref="O10:S10"/>
    <mergeCell ref="T10:X10"/>
    <mergeCell ref="Y10:AC10"/>
    <mergeCell ref="AD10:AI10"/>
    <mergeCell ref="AJ10:AN10"/>
    <mergeCell ref="E14:AI14"/>
    <mergeCell ref="AJ14:BN14"/>
    <mergeCell ref="BO14:CR14"/>
    <mergeCell ref="E15:AI15"/>
    <mergeCell ref="AJ15:BN15"/>
    <mergeCell ref="BO15:CR15"/>
    <mergeCell ref="BT10:BX10"/>
    <mergeCell ref="BY10:CC10"/>
    <mergeCell ref="C13:C15"/>
    <mergeCell ref="BO18:CR18"/>
    <mergeCell ref="A19:A21"/>
    <mergeCell ref="B19:B21"/>
    <mergeCell ref="E20:AI20"/>
    <mergeCell ref="AJ20:BN20"/>
    <mergeCell ref="BO20:CR20"/>
    <mergeCell ref="E21:AI21"/>
    <mergeCell ref="AJ21:BN21"/>
    <mergeCell ref="A16:A18"/>
    <mergeCell ref="B16:B18"/>
    <mergeCell ref="BO16:CH16"/>
    <mergeCell ref="E17:AI17"/>
    <mergeCell ref="AJ17:BN17"/>
    <mergeCell ref="BO17:CR17"/>
    <mergeCell ref="E18:AI18"/>
    <mergeCell ref="AJ18:BN18"/>
    <mergeCell ref="BO21:CR21"/>
    <mergeCell ref="A25:A27"/>
    <mergeCell ref="B25:B27"/>
    <mergeCell ref="E26:AI26"/>
    <mergeCell ref="AJ26:BN26"/>
    <mergeCell ref="BO26:CR26"/>
    <mergeCell ref="E27:AI27"/>
    <mergeCell ref="AJ27:BN27"/>
    <mergeCell ref="BO27:CR27"/>
    <mergeCell ref="A22:A24"/>
    <mergeCell ref="B22:B24"/>
    <mergeCell ref="BO22:CH22"/>
    <mergeCell ref="E23:AI23"/>
    <mergeCell ref="AJ23:BN23"/>
    <mergeCell ref="BO23:CR23"/>
    <mergeCell ref="E24:AI24"/>
    <mergeCell ref="AJ24:BN24"/>
    <mergeCell ref="BO24:CR24"/>
    <mergeCell ref="A28:A30"/>
    <mergeCell ref="B28:B30"/>
    <mergeCell ref="E28:K28"/>
    <mergeCell ref="E29:AI29"/>
    <mergeCell ref="AJ29:BN29"/>
    <mergeCell ref="BO29:CR29"/>
    <mergeCell ref="A36:A38"/>
    <mergeCell ref="B36:B38"/>
    <mergeCell ref="Q36:AI36"/>
    <mergeCell ref="BO36:CR36"/>
    <mergeCell ref="E30:AI30"/>
    <mergeCell ref="AJ30:BN30"/>
    <mergeCell ref="BO30:CR30"/>
    <mergeCell ref="A31:A33"/>
    <mergeCell ref="B31:B33"/>
    <mergeCell ref="E31:K31"/>
    <mergeCell ref="E32:AI32"/>
    <mergeCell ref="AJ32:BN32"/>
    <mergeCell ref="E37:AI37"/>
    <mergeCell ref="AJ37:BN37"/>
    <mergeCell ref="BO37:CR37"/>
    <mergeCell ref="C28:C30"/>
    <mergeCell ref="D28:D30"/>
    <mergeCell ref="C31:C33"/>
    <mergeCell ref="A39:A41"/>
    <mergeCell ref="B39:B41"/>
    <mergeCell ref="E40:AI40"/>
    <mergeCell ref="AJ40:BN40"/>
    <mergeCell ref="E38:AI38"/>
    <mergeCell ref="AJ38:BN38"/>
    <mergeCell ref="BO38:CR38"/>
    <mergeCell ref="BO32:CR32"/>
    <mergeCell ref="E33:AI33"/>
    <mergeCell ref="AJ33:BN33"/>
    <mergeCell ref="BO33:CR33"/>
    <mergeCell ref="BO40:CR40"/>
    <mergeCell ref="E41:AI41"/>
    <mergeCell ref="AJ41:BN41"/>
    <mergeCell ref="BO41:CR41"/>
    <mergeCell ref="D31:D33"/>
    <mergeCell ref="C36:C38"/>
    <mergeCell ref="D36:D38"/>
    <mergeCell ref="C39:C41"/>
    <mergeCell ref="D39:D41"/>
    <mergeCell ref="E43:AI43"/>
    <mergeCell ref="AJ43:BN43"/>
    <mergeCell ref="BO43:CR43"/>
    <mergeCell ref="E44:AI44"/>
    <mergeCell ref="AJ44:BN44"/>
    <mergeCell ref="BO44:CQ44"/>
    <mergeCell ref="A42:A44"/>
    <mergeCell ref="B42:B44"/>
    <mergeCell ref="AA42:AI42"/>
    <mergeCell ref="BO42:CR42"/>
    <mergeCell ref="C42:C44"/>
    <mergeCell ref="D42:D44"/>
    <mergeCell ref="BO45:CR45"/>
    <mergeCell ref="E46:AI46"/>
    <mergeCell ref="AJ46:BN46"/>
    <mergeCell ref="BO46:CR46"/>
    <mergeCell ref="E47:AI47"/>
    <mergeCell ref="AJ47:BN47"/>
    <mergeCell ref="BO47:CR47"/>
    <mergeCell ref="A45:A47"/>
    <mergeCell ref="B45:B47"/>
    <mergeCell ref="E45:N45"/>
    <mergeCell ref="AA45:AI45"/>
    <mergeCell ref="C45:C47"/>
    <mergeCell ref="D45:D47"/>
    <mergeCell ref="E54:AI54"/>
    <mergeCell ref="AJ54:BN54"/>
    <mergeCell ref="BO54:CR54"/>
    <mergeCell ref="A55:A57"/>
    <mergeCell ref="B55:B57"/>
    <mergeCell ref="BO56:CR56"/>
    <mergeCell ref="BO57:CR57"/>
    <mergeCell ref="AJ51:BN51"/>
    <mergeCell ref="BO51:CR51"/>
    <mergeCell ref="A52:A54"/>
    <mergeCell ref="B52:B54"/>
    <mergeCell ref="BO52:CR52"/>
    <mergeCell ref="E53:AI53"/>
    <mergeCell ref="AJ53:BN53"/>
    <mergeCell ref="BO53:CR53"/>
    <mergeCell ref="A49:A51"/>
    <mergeCell ref="B49:B51"/>
    <mergeCell ref="BF49:BN49"/>
    <mergeCell ref="BO49:CR49"/>
    <mergeCell ref="E50:AI50"/>
    <mergeCell ref="AJ50:BN50"/>
    <mergeCell ref="BO50:CR50"/>
    <mergeCell ref="E51:AI51"/>
    <mergeCell ref="C49:C51"/>
    <mergeCell ref="E69:AI69"/>
    <mergeCell ref="AJ69:BN69"/>
    <mergeCell ref="BO69:CR69"/>
    <mergeCell ref="C67:C69"/>
    <mergeCell ref="D67:D69"/>
    <mergeCell ref="AJ61:BN61"/>
    <mergeCell ref="BO61:CR61"/>
    <mergeCell ref="A63:A65"/>
    <mergeCell ref="B63:B65"/>
    <mergeCell ref="BO63:CR63"/>
    <mergeCell ref="E64:AI64"/>
    <mergeCell ref="AJ64:BN64"/>
    <mergeCell ref="BO64:CR64"/>
    <mergeCell ref="A59:A61"/>
    <mergeCell ref="B59:B61"/>
    <mergeCell ref="BF59:BN59"/>
    <mergeCell ref="BO59:CR59"/>
    <mergeCell ref="E60:AI60"/>
    <mergeCell ref="AJ60:BN60"/>
    <mergeCell ref="BO60:CR60"/>
    <mergeCell ref="E61:AI61"/>
    <mergeCell ref="A88:B88"/>
    <mergeCell ref="E88:AI88"/>
    <mergeCell ref="AJ88:BN88"/>
    <mergeCell ref="BO88:CR88"/>
    <mergeCell ref="A89:B89"/>
    <mergeCell ref="A71:A73"/>
    <mergeCell ref="B71:B73"/>
    <mergeCell ref="BF71:BN71"/>
    <mergeCell ref="E65:AI65"/>
    <mergeCell ref="AJ65:BN65"/>
    <mergeCell ref="BO65:CR65"/>
    <mergeCell ref="A67:A69"/>
    <mergeCell ref="B67:B69"/>
    <mergeCell ref="BF67:BN67"/>
    <mergeCell ref="BO67:CR67"/>
    <mergeCell ref="E68:AI68"/>
    <mergeCell ref="E72:AI72"/>
    <mergeCell ref="AJ72:BN72"/>
    <mergeCell ref="BO72:CR72"/>
    <mergeCell ref="E73:AI73"/>
    <mergeCell ref="AJ73:BN73"/>
    <mergeCell ref="BO73:CR73"/>
    <mergeCell ref="AJ68:BN68"/>
    <mergeCell ref="BO68:CR68"/>
    <mergeCell ref="A80:A82"/>
    <mergeCell ref="B80:B82"/>
    <mergeCell ref="E80:AI80"/>
    <mergeCell ref="AJ80:BN80"/>
    <mergeCell ref="A76:A78"/>
    <mergeCell ref="B76:B78"/>
    <mergeCell ref="BF76:BN76"/>
    <mergeCell ref="E77:AI77"/>
    <mergeCell ref="AJ77:BN77"/>
    <mergeCell ref="E81:AI81"/>
    <mergeCell ref="AJ81:BN81"/>
    <mergeCell ref="BI93:BK93"/>
    <mergeCell ref="BL93:BN93"/>
    <mergeCell ref="BO81:CR81"/>
    <mergeCell ref="E82:AI82"/>
    <mergeCell ref="AJ82:BN82"/>
    <mergeCell ref="BO82:CR82"/>
    <mergeCell ref="BI94:BK94"/>
    <mergeCell ref="BL94:BN94"/>
    <mergeCell ref="BI95:BK95"/>
    <mergeCell ref="BL95:BN95"/>
    <mergeCell ref="E89:AI89"/>
    <mergeCell ref="AJ89:BN89"/>
    <mergeCell ref="AJ91:BN91"/>
    <mergeCell ref="AJ92:BN92"/>
    <mergeCell ref="BO89:CR89"/>
    <mergeCell ref="E86:AI86"/>
    <mergeCell ref="AJ86:BN86"/>
    <mergeCell ref="BO86:CR86"/>
  </mergeCells>
  <pageMargins left="0.51181102362204722" right="0.51181102362204722" top="0.78740157480314965" bottom="0.78740157480314965" header="0.31496062992125984" footer="0.31496062992125984"/>
  <pageSetup paperSize="9" scale="49" fitToHeight="0" orientation="landscape" r:id="rId1"/>
  <rowBreaks count="1" manualBreakCount="1">
    <brk id="61" max="94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</vt:i4>
      </vt:variant>
      <vt:variant>
        <vt:lpstr>Intervalos Nomeados</vt:lpstr>
      </vt:variant>
      <vt:variant>
        <vt:i4>2</vt:i4>
      </vt:variant>
    </vt:vector>
  </HeadingPairs>
  <TitlesOfParts>
    <vt:vector size="3" baseType="lpstr">
      <vt:lpstr>Cronograma </vt:lpstr>
      <vt:lpstr>'Cronograma '!Area_de_impressao</vt:lpstr>
      <vt:lpstr>'Cronograma '!Titulos_de_impressao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ristiano da Silva Brito</dc:creator>
  <cp:lastModifiedBy>francisco chiquinho</cp:lastModifiedBy>
  <dcterms:created xsi:type="dcterms:W3CDTF">2020-04-28T12:59:15Z</dcterms:created>
  <dcterms:modified xsi:type="dcterms:W3CDTF">2020-04-29T16:36:21Z</dcterms:modified>
</cp:coreProperties>
</file>